
<file path=[Content_Types].xml><?xml version="1.0" encoding="utf-8"?>
<Types xmlns="http://schemas.openxmlformats.org/package/2006/content-types">
  <Default Extension="png" ContentType="image/png"/>
  <Default Extension="rels" ContentType="application/vnd.openxmlformats-package.relationships+xml"/>
  <Default Extension="xml" ContentType="application/xml"/>
  <Default Extension="fntdata" ContentType="application/x-fontdata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slides/slide60.xml" ContentType="application/vnd.openxmlformats-officedocument.presentationml.slide+xml"/>
  <Override PartName="/ppt/slides/slide61.xml" ContentType="application/vnd.openxmlformats-officedocument.presentationml.slide+xml"/>
  <Override PartName="/ppt/slides/slide62.xml" ContentType="application/vnd.openxmlformats-officedocument.presentationml.slide+xml"/>
  <Override PartName="/ppt/slides/slide63.xml" ContentType="application/vnd.openxmlformats-officedocument.presentationml.slide+xml"/>
  <Override PartName="/ppt/slides/slide64.xml" ContentType="application/vnd.openxmlformats-officedocument.presentationml.slide+xml"/>
  <Override PartName="/ppt/slides/slide65.xml" ContentType="application/vnd.openxmlformats-officedocument.presentationml.slide+xml"/>
  <Override PartName="/ppt/slides/slide66.xml" ContentType="application/vnd.openxmlformats-officedocument.presentationml.slide+xml"/>
  <Override PartName="/ppt/slides/slide67.xml" ContentType="application/vnd.openxmlformats-officedocument.presentationml.slide+xml"/>
  <Override PartName="/ppt/slides/slide68.xml" ContentType="application/vnd.openxmlformats-officedocument.presentationml.slide+xml"/>
  <Override PartName="/ppt/slides/slide69.xml" ContentType="application/vnd.openxmlformats-officedocument.presentationml.slide+xml"/>
  <Override PartName="/ppt/slides/slide70.xml" ContentType="application/vnd.openxmlformats-officedocument.presentationml.slide+xml"/>
  <Override PartName="/ppt/slides/slide71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notesSlides/notesSlide35.xml" ContentType="application/vnd.openxmlformats-officedocument.presentationml.notesSlide+xml"/>
  <Override PartName="/ppt/notesSlides/notesSlide36.xml" ContentType="application/vnd.openxmlformats-officedocument.presentationml.notesSlide+xml"/>
  <Override PartName="/ppt/notesSlides/notesSlide37.xml" ContentType="application/vnd.openxmlformats-officedocument.presentationml.notesSlide+xml"/>
  <Override PartName="/ppt/notesSlides/notesSlide38.xml" ContentType="application/vnd.openxmlformats-officedocument.presentationml.notesSlide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42.xml" ContentType="application/vnd.openxmlformats-officedocument.presentationml.notesSlide+xml"/>
  <Override PartName="/ppt/notesSlides/notesSlide43.xml" ContentType="application/vnd.openxmlformats-officedocument.presentationml.notesSlide+xml"/>
  <Override PartName="/ppt/notesSlides/notesSlide44.xml" ContentType="application/vnd.openxmlformats-officedocument.presentationml.notesSlide+xml"/>
  <Override PartName="/ppt/notesSlides/notesSlide45.xml" ContentType="application/vnd.openxmlformats-officedocument.presentationml.notesSlide+xml"/>
  <Override PartName="/ppt/notesSlides/notesSlide46.xml" ContentType="application/vnd.openxmlformats-officedocument.presentationml.notesSlide+xml"/>
  <Override PartName="/ppt/notesSlides/notesSlide47.xml" ContentType="application/vnd.openxmlformats-officedocument.presentationml.notesSlide+xml"/>
  <Override PartName="/ppt/notesSlides/notesSlide48.xml" ContentType="application/vnd.openxmlformats-officedocument.presentationml.notesSlide+xml"/>
  <Override PartName="/ppt/notesSlides/notesSlide49.xml" ContentType="application/vnd.openxmlformats-officedocument.presentationml.notesSlide+xml"/>
  <Override PartName="/ppt/notesSlides/notesSlide50.xml" ContentType="application/vnd.openxmlformats-officedocument.presentationml.notesSlide+xml"/>
  <Override PartName="/ppt/notesSlides/notesSlide51.xml" ContentType="application/vnd.openxmlformats-officedocument.presentationml.notesSlide+xml"/>
  <Override PartName="/ppt/notesSlides/notesSlide52.xml" ContentType="application/vnd.openxmlformats-officedocument.presentationml.notesSlide+xml"/>
  <Override PartName="/ppt/notesSlides/notesSlide53.xml" ContentType="application/vnd.openxmlformats-officedocument.presentationml.notesSlide+xml"/>
  <Override PartName="/ppt/notesSlides/notesSlide54.xml" ContentType="application/vnd.openxmlformats-officedocument.presentationml.notesSlide+xml"/>
  <Override PartName="/ppt/notesSlides/notesSlide55.xml" ContentType="application/vnd.openxmlformats-officedocument.presentationml.notesSlide+xml"/>
  <Override PartName="/ppt/notesSlides/notesSlide56.xml" ContentType="application/vnd.openxmlformats-officedocument.presentationml.notesSlide+xml"/>
  <Override PartName="/ppt/notesSlides/notesSlide57.xml" ContentType="application/vnd.openxmlformats-officedocument.presentationml.notesSlide+xml"/>
  <Override PartName="/ppt/notesSlides/notesSlide58.xml" ContentType="application/vnd.openxmlformats-officedocument.presentationml.notesSlide+xml"/>
  <Override PartName="/ppt/notesSlides/notesSlide59.xml" ContentType="application/vnd.openxmlformats-officedocument.presentationml.notesSlide+xml"/>
  <Override PartName="/ppt/notesSlides/notesSlide60.xml" ContentType="application/vnd.openxmlformats-officedocument.presentationml.notesSlide+xml"/>
  <Override PartName="/ppt/notesSlides/notesSlide61.xml" ContentType="application/vnd.openxmlformats-officedocument.presentationml.notesSlide+xml"/>
  <Override PartName="/ppt/notesSlides/notesSlide62.xml" ContentType="application/vnd.openxmlformats-officedocument.presentationml.notesSlide+xml"/>
  <Override PartName="/ppt/notesSlides/notesSlide63.xml" ContentType="application/vnd.openxmlformats-officedocument.presentationml.notesSlide+xml"/>
  <Override PartName="/ppt/notesSlides/notesSlide64.xml" ContentType="application/vnd.openxmlformats-officedocument.presentationml.notesSlide+xml"/>
  <Override PartName="/ppt/notesSlides/notesSlide65.xml" ContentType="application/vnd.openxmlformats-officedocument.presentationml.notesSlide+xml"/>
  <Override PartName="/ppt/notesSlides/notesSlide66.xml" ContentType="application/vnd.openxmlformats-officedocument.presentationml.notesSlide+xml"/>
  <Override PartName="/ppt/notesSlides/notesSlide67.xml" ContentType="application/vnd.openxmlformats-officedocument.presentationml.notesSlide+xml"/>
  <Override PartName="/ppt/notesSlides/notesSlide68.xml" ContentType="application/vnd.openxmlformats-officedocument.presentationml.notesSlide+xml"/>
  <Override PartName="/ppt/notesSlides/notesSlide69.xml" ContentType="application/vnd.openxmlformats-officedocument.presentationml.notesSlide+xml"/>
  <Override PartName="/ppt/notesSlides/notesSlide70.xml" ContentType="application/vnd.openxmlformats-officedocument.presentationml.notesSlide+xml"/>
  <Override PartName="/ppt/notesSlides/notesSlide7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embedTrueTypeFonts="1" autoCompressPictures="0">
  <p:sldMasterIdLst>
    <p:sldMasterId id="2147483658" r:id="rId1"/>
  </p:sldMasterIdLst>
  <p:notesMasterIdLst>
    <p:notesMasterId r:id="rId73"/>
  </p:notes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  <p:sldId id="269" r:id="rId15"/>
    <p:sldId id="270" r:id="rId16"/>
    <p:sldId id="271" r:id="rId17"/>
    <p:sldId id="272" r:id="rId18"/>
    <p:sldId id="273" r:id="rId19"/>
    <p:sldId id="274" r:id="rId20"/>
    <p:sldId id="275" r:id="rId21"/>
    <p:sldId id="276" r:id="rId22"/>
    <p:sldId id="277" r:id="rId23"/>
    <p:sldId id="278" r:id="rId24"/>
    <p:sldId id="279" r:id="rId25"/>
    <p:sldId id="280" r:id="rId26"/>
    <p:sldId id="281" r:id="rId27"/>
    <p:sldId id="282" r:id="rId28"/>
    <p:sldId id="283" r:id="rId29"/>
    <p:sldId id="284" r:id="rId30"/>
    <p:sldId id="285" r:id="rId31"/>
    <p:sldId id="286" r:id="rId32"/>
    <p:sldId id="287" r:id="rId33"/>
    <p:sldId id="288" r:id="rId34"/>
    <p:sldId id="289" r:id="rId35"/>
    <p:sldId id="290" r:id="rId36"/>
    <p:sldId id="291" r:id="rId37"/>
    <p:sldId id="292" r:id="rId38"/>
    <p:sldId id="293" r:id="rId39"/>
    <p:sldId id="294" r:id="rId40"/>
    <p:sldId id="295" r:id="rId41"/>
    <p:sldId id="296" r:id="rId42"/>
    <p:sldId id="297" r:id="rId43"/>
    <p:sldId id="298" r:id="rId44"/>
    <p:sldId id="299" r:id="rId45"/>
    <p:sldId id="300" r:id="rId46"/>
    <p:sldId id="301" r:id="rId47"/>
    <p:sldId id="302" r:id="rId48"/>
    <p:sldId id="303" r:id="rId49"/>
    <p:sldId id="304" r:id="rId50"/>
    <p:sldId id="305" r:id="rId51"/>
    <p:sldId id="306" r:id="rId52"/>
    <p:sldId id="307" r:id="rId53"/>
    <p:sldId id="308" r:id="rId54"/>
    <p:sldId id="309" r:id="rId55"/>
    <p:sldId id="310" r:id="rId56"/>
    <p:sldId id="311" r:id="rId57"/>
    <p:sldId id="312" r:id="rId58"/>
    <p:sldId id="313" r:id="rId59"/>
    <p:sldId id="314" r:id="rId60"/>
    <p:sldId id="315" r:id="rId61"/>
    <p:sldId id="316" r:id="rId62"/>
    <p:sldId id="317" r:id="rId63"/>
    <p:sldId id="318" r:id="rId64"/>
    <p:sldId id="319" r:id="rId65"/>
    <p:sldId id="320" r:id="rId66"/>
    <p:sldId id="321" r:id="rId67"/>
    <p:sldId id="322" r:id="rId68"/>
    <p:sldId id="323" r:id="rId69"/>
    <p:sldId id="324" r:id="rId70"/>
    <p:sldId id="325" r:id="rId71"/>
    <p:sldId id="326" r:id="rId72"/>
  </p:sldIdLst>
  <p:sldSz cx="12192000" cy="6858000"/>
  <p:notesSz cx="6858000" cy="9144000"/>
  <p:embeddedFontLst>
    <p:embeddedFont>
      <p:font typeface="Noto Sans" panose="020B0502040504020204" pitchFamily="34" charset="0"/>
      <p:regular r:id="rId74"/>
      <p:bold r:id="rId75"/>
      <p:italic r:id="rId76"/>
      <p:boldItalic r:id="rId77"/>
    </p:embeddedFont>
    <p:embeddedFont>
      <p:font typeface="Philosopher" pitchFamily="2" charset="0"/>
      <p:regular r:id="rId78"/>
      <p:bold r:id="rId79"/>
      <p:italic r:id="rId80"/>
      <p:boldItalic r:id="rId81"/>
    </p:embeddedFont>
    <p:embeddedFont>
      <p:font typeface="Roboto" panose="02000000000000000000" pitchFamily="2" charset="0"/>
      <p:regular r:id="rId82"/>
      <p:bold r:id="rId83"/>
      <p:italic r:id="rId84"/>
      <p:boldItalic r:id="rId85"/>
    </p:embeddedFont>
  </p:embeddedFontLst>
  <p:defaultText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09"/>
    <p:restoredTop sz="94697"/>
  </p:normalViewPr>
  <p:slideViewPr>
    <p:cSldViewPr snapToGrid="0">
      <p:cViewPr varScale="1">
        <p:scale>
          <a:sx n="96" d="100"/>
          <a:sy n="96" d="100"/>
        </p:scale>
        <p:origin x="888" y="176"/>
      </p:cViewPr>
      <p:guideLst>
        <p:guide orient="horz" pos="2160"/>
        <p:guide pos="384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26" Type="http://schemas.openxmlformats.org/officeDocument/2006/relationships/slide" Target="slides/slide25.xml"/><Relationship Id="rId21" Type="http://schemas.openxmlformats.org/officeDocument/2006/relationships/slide" Target="slides/slide20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63" Type="http://schemas.openxmlformats.org/officeDocument/2006/relationships/slide" Target="slides/slide62.xml"/><Relationship Id="rId68" Type="http://schemas.openxmlformats.org/officeDocument/2006/relationships/slide" Target="slides/slide67.xml"/><Relationship Id="rId84" Type="http://schemas.openxmlformats.org/officeDocument/2006/relationships/font" Target="fonts/font11.fntdata"/><Relationship Id="rId89" Type="http://schemas.openxmlformats.org/officeDocument/2006/relationships/tableStyles" Target="tableStyles.xml"/><Relationship Id="rId16" Type="http://schemas.openxmlformats.org/officeDocument/2006/relationships/slide" Target="slides/slide15.xml"/><Relationship Id="rId11" Type="http://schemas.openxmlformats.org/officeDocument/2006/relationships/slide" Target="slides/slide10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53" Type="http://schemas.openxmlformats.org/officeDocument/2006/relationships/slide" Target="slides/slide52.xml"/><Relationship Id="rId58" Type="http://schemas.openxmlformats.org/officeDocument/2006/relationships/slide" Target="slides/slide57.xml"/><Relationship Id="rId74" Type="http://schemas.openxmlformats.org/officeDocument/2006/relationships/font" Target="fonts/font1.fntdata"/><Relationship Id="rId79" Type="http://schemas.openxmlformats.org/officeDocument/2006/relationships/font" Target="fonts/font6.fntdata"/><Relationship Id="rId5" Type="http://schemas.openxmlformats.org/officeDocument/2006/relationships/slide" Target="slides/slide4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slide" Target="slides/slide55.xml"/><Relationship Id="rId64" Type="http://schemas.openxmlformats.org/officeDocument/2006/relationships/slide" Target="slides/slide63.xml"/><Relationship Id="rId69" Type="http://schemas.openxmlformats.org/officeDocument/2006/relationships/slide" Target="slides/slide68.xml"/><Relationship Id="rId77" Type="http://schemas.openxmlformats.org/officeDocument/2006/relationships/font" Target="fonts/font4.fntdata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72" Type="http://schemas.openxmlformats.org/officeDocument/2006/relationships/slide" Target="slides/slide71.xml"/><Relationship Id="rId80" Type="http://schemas.openxmlformats.org/officeDocument/2006/relationships/font" Target="fonts/font7.fntdata"/><Relationship Id="rId85" Type="http://schemas.openxmlformats.org/officeDocument/2006/relationships/font" Target="fonts/font12.fntdata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slide" Target="slides/slide58.xml"/><Relationship Id="rId67" Type="http://schemas.openxmlformats.org/officeDocument/2006/relationships/slide" Target="slides/slide66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slide" Target="slides/slide53.xml"/><Relationship Id="rId62" Type="http://schemas.openxmlformats.org/officeDocument/2006/relationships/slide" Target="slides/slide61.xml"/><Relationship Id="rId70" Type="http://schemas.openxmlformats.org/officeDocument/2006/relationships/slide" Target="slides/slide69.xml"/><Relationship Id="rId75" Type="http://schemas.openxmlformats.org/officeDocument/2006/relationships/font" Target="fonts/font2.fntdata"/><Relationship Id="rId83" Type="http://schemas.openxmlformats.org/officeDocument/2006/relationships/font" Target="fonts/font10.fntdata"/><Relationship Id="rId88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slide" Target="slides/slide56.xml"/><Relationship Id="rId10" Type="http://schemas.openxmlformats.org/officeDocument/2006/relationships/slide" Target="slides/slide9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60" Type="http://schemas.openxmlformats.org/officeDocument/2006/relationships/slide" Target="slides/slide59.xml"/><Relationship Id="rId65" Type="http://schemas.openxmlformats.org/officeDocument/2006/relationships/slide" Target="slides/slide64.xml"/><Relationship Id="rId73" Type="http://schemas.openxmlformats.org/officeDocument/2006/relationships/notesMaster" Target="notesMasters/notesMaster1.xml"/><Relationship Id="rId78" Type="http://schemas.openxmlformats.org/officeDocument/2006/relationships/font" Target="fonts/font5.fntdata"/><Relationship Id="rId81" Type="http://schemas.openxmlformats.org/officeDocument/2006/relationships/font" Target="fonts/font8.fntdata"/><Relationship Id="rId86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9" Type="http://schemas.openxmlformats.org/officeDocument/2006/relationships/slide" Target="slides/slide38.xml"/><Relationship Id="rId34" Type="http://schemas.openxmlformats.org/officeDocument/2006/relationships/slide" Target="slides/slide33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76" Type="http://schemas.openxmlformats.org/officeDocument/2006/relationships/font" Target="fonts/font3.fntdata"/><Relationship Id="rId7" Type="http://schemas.openxmlformats.org/officeDocument/2006/relationships/slide" Target="slides/slide6.xml"/><Relationship Id="rId71" Type="http://schemas.openxmlformats.org/officeDocument/2006/relationships/slide" Target="slides/slide70.xml"/><Relationship Id="rId2" Type="http://schemas.openxmlformats.org/officeDocument/2006/relationships/slide" Target="slides/slide1.xml"/><Relationship Id="rId29" Type="http://schemas.openxmlformats.org/officeDocument/2006/relationships/slide" Target="slides/slide28.xml"/><Relationship Id="rId24" Type="http://schemas.openxmlformats.org/officeDocument/2006/relationships/slide" Target="slides/slide23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66" Type="http://schemas.openxmlformats.org/officeDocument/2006/relationships/slide" Target="slides/slide65.xml"/><Relationship Id="rId87" Type="http://schemas.openxmlformats.org/officeDocument/2006/relationships/viewProps" Target="viewProps.xml"/><Relationship Id="rId61" Type="http://schemas.openxmlformats.org/officeDocument/2006/relationships/slide" Target="slides/slide60.xml"/><Relationship Id="rId82" Type="http://schemas.openxmlformats.org/officeDocument/2006/relationships/font" Target="fonts/font9.fntdata"/><Relationship Id="rId19" Type="http://schemas.openxmlformats.org/officeDocument/2006/relationships/slide" Target="slides/slide18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Google Shape;3;n"/>
          <p:cNvSpPr>
            <a:spLocks noGrp="1" noRot="1" noChangeAspect="1"/>
          </p:cNvSpPr>
          <p:nvPr>
            <p:ph type="sldImg" idx="2"/>
          </p:nvPr>
        </p:nvSpPr>
        <p:spPr>
          <a:xfrm>
            <a:off x="1143225" y="685800"/>
            <a:ext cx="4572225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" name="Google Shape;4;n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>
            <a:lvl1pPr marL="457200" marR="0" lvl="0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●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1pPr>
            <a:lvl2pPr marL="914400" marR="0" lvl="1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○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L="1371600" marR="0" lvl="2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■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L="1828800" marR="0" lvl="3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●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L="2286000" marR="0" lvl="4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○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L="2743200" marR="0" lvl="5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■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L="3200400" marR="0" lvl="6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●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L="3657600" marR="0" lvl="7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○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L="4114800" marR="0" lvl="8" indent="-29845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Char char="■"/>
              <a:defRPr sz="11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notesStyle>
    <a:defPPr marR="0" lvl="0" algn="l" rtl="0">
      <a:lnSpc>
        <a:spcPct val="100000"/>
      </a:lnSpc>
      <a:spcBef>
        <a:spcPts val="0"/>
      </a:spcBef>
      <a:spcAft>
        <a:spcPts val="0"/>
      </a:spcAft>
    </a:defPPr>
    <a:lvl1pPr marR="0" lvl="0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1pPr>
    <a:lvl2pPr marR="0" lvl="1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2pPr>
    <a:lvl3pPr marR="0" lvl="2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3pPr>
    <a:lvl4pPr marR="0" lvl="3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4pPr>
    <a:lvl5pPr marR="0" lvl="4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5pPr>
    <a:lvl6pPr marR="0" lvl="5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6pPr>
    <a:lvl7pPr marR="0" lvl="6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7pPr>
    <a:lvl8pPr marR="0" lvl="7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8pPr>
    <a:lvl9pPr marR="0" lvl="8" algn="l" rtl="0">
      <a:lnSpc>
        <a:spcPct val="100000"/>
      </a:lnSpc>
      <a:spcBef>
        <a:spcPts val="0"/>
      </a:spcBef>
      <a:spcAft>
        <a:spcPts val="0"/>
      </a:spcAft>
      <a:buClr>
        <a:srgbClr val="000000"/>
      </a:buClr>
      <a:buFont typeface="Arial"/>
      <a:defRPr sz="1400" b="0" i="0" u="none" strike="noStrike" cap="none">
        <a:solidFill>
          <a:srgbClr val="000000"/>
        </a:solidFill>
        <a:latin typeface="Arial"/>
        <a:ea typeface="Arial"/>
        <a:cs typeface="Arial"/>
        <a:sym typeface="Arial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4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5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5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2.xml"/><Relationship Id="rId1" Type="http://schemas.openxmlformats.org/officeDocument/2006/relationships/notesMaster" Target="../notesMasters/notesMaster1.xml"/></Relationships>
</file>

<file path=ppt/notesSlides/_rels/notesSlide5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5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5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5.xml"/><Relationship Id="rId1" Type="http://schemas.openxmlformats.org/officeDocument/2006/relationships/notesMaster" Target="../notesMasters/notesMaster1.xml"/></Relationships>
</file>

<file path=ppt/notesSlides/_rels/notesSlide5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6.xml"/><Relationship Id="rId1" Type="http://schemas.openxmlformats.org/officeDocument/2006/relationships/notesMaster" Target="../notesMasters/notesMaster1.xml"/></Relationships>
</file>

<file path=ppt/notesSlides/_rels/notesSlide5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7.xml"/><Relationship Id="rId1" Type="http://schemas.openxmlformats.org/officeDocument/2006/relationships/notesMaster" Target="../notesMasters/notesMaster1.xml"/></Relationships>
</file>

<file path=ppt/notesSlides/_rels/notesSlide5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8.xml"/><Relationship Id="rId1" Type="http://schemas.openxmlformats.org/officeDocument/2006/relationships/notesMaster" Target="../notesMasters/notesMaster1.xml"/></Relationships>
</file>

<file path=ppt/notesSlides/_rels/notesSlide5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9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0.xml"/><Relationship Id="rId1" Type="http://schemas.openxmlformats.org/officeDocument/2006/relationships/notesMaster" Target="../notesMasters/notesMaster1.xml"/></Relationships>
</file>

<file path=ppt/notesSlides/_rels/notesSlide6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1.xml"/><Relationship Id="rId1" Type="http://schemas.openxmlformats.org/officeDocument/2006/relationships/notesMaster" Target="../notesMasters/notesMaster1.xml"/></Relationships>
</file>

<file path=ppt/notesSlides/_rels/notesSlide6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2.xml"/><Relationship Id="rId1" Type="http://schemas.openxmlformats.org/officeDocument/2006/relationships/notesMaster" Target="../notesMasters/notesMaster1.xml"/></Relationships>
</file>

<file path=ppt/notesSlides/_rels/notesSlide6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3.xml"/><Relationship Id="rId1" Type="http://schemas.openxmlformats.org/officeDocument/2006/relationships/notesMaster" Target="../notesMasters/notesMaster1.xml"/></Relationships>
</file>

<file path=ppt/notesSlides/_rels/notesSlide6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4.xml"/><Relationship Id="rId1" Type="http://schemas.openxmlformats.org/officeDocument/2006/relationships/notesMaster" Target="../notesMasters/notesMaster1.xml"/></Relationships>
</file>

<file path=ppt/notesSlides/_rels/notesSlide6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5.xml"/><Relationship Id="rId1" Type="http://schemas.openxmlformats.org/officeDocument/2006/relationships/notesMaster" Target="../notesMasters/notesMaster1.xml"/></Relationships>
</file>

<file path=ppt/notesSlides/_rels/notesSlide6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6.xml"/><Relationship Id="rId1" Type="http://schemas.openxmlformats.org/officeDocument/2006/relationships/notesMaster" Target="../notesMasters/notesMaster1.xml"/></Relationships>
</file>

<file path=ppt/notesSlides/_rels/notesSlide6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7.xml"/><Relationship Id="rId1" Type="http://schemas.openxmlformats.org/officeDocument/2006/relationships/notesMaster" Target="../notesMasters/notesMaster1.xml"/></Relationships>
</file>

<file path=ppt/notesSlides/_rels/notesSlide6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8.xml"/><Relationship Id="rId1" Type="http://schemas.openxmlformats.org/officeDocument/2006/relationships/notesMaster" Target="../notesMasters/notesMaster1.xml"/></Relationships>
</file>

<file path=ppt/notesSlides/_rels/notesSlide6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9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0.xml"/><Relationship Id="rId1" Type="http://schemas.openxmlformats.org/officeDocument/2006/relationships/notesMaster" Target="../notesMasters/notesMaster1.xml"/></Relationships>
</file>

<file path=ppt/notesSlides/_rels/notesSlide7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1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Google Shape;34;p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35" name="Google Shape;35;p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7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7" name="Google Shape;177;g260d3860b66_0_7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llocated time: 30 minutes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his icebreaker will not only help participants to get familiar with digital tools that they can use for creating micro-learning resources, but also to encourage team building and communication skills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Use this list of digital tools, platforms, or apps. Each team should receive at least 3 items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Genially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78" name="Google Shape;178;g260d3860b66_0_7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9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1" name="Google Shape;191;g26816304f60_0_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llocated time: 30 minutes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his icebreaker will not only help participants to get familiar with digital tools that they can use for creating micro-learning resources, but also to encourage team building and communication skills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Use this list of digital tools, platforms, or apps. Each team should receive at least 3 items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Genially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92" name="Google Shape;192;g26816304f60_0_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0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2" name="Google Shape;202;p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lang="cs-CZ"/>
              <a:t>Allocated time: 25 minutes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203" name="Google Shape;203;p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1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1" name="Google Shape;211;p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12" name="Google Shape;212;p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0" name="Google Shape;230;p1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31" name="Google Shape;231;p1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0" name="Google Shape;250;g26816304f60_0_2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51" name="Google Shape;251;g26816304f60_0_2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6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0" name="Google Shape;270;p1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71" name="Google Shape;271;p1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8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3" name="Google Shape;283;p1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84" name="Google Shape;284;p1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29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" name="Google Shape;296;g268175270ee_0_1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97" name="Google Shape;297;g268175270ee_0_1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0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9" name="Google Shape;309;g268175270ee_0_2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10" name="Google Shape;310;g268175270ee_0_2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" name="Google Shape;44;p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1 academic hour = 45 minutes</a:t>
            </a:r>
            <a:endParaRPr/>
          </a:p>
        </p:txBody>
      </p:sp>
      <p:sp>
        <p:nvSpPr>
          <p:cNvPr id="45" name="Google Shape;45;p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2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2" name="Google Shape;322;g268175270ee_0_3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23" name="Google Shape;323;g268175270ee_0_3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3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5" name="Google Shape;335;g268175270ee_0_4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36" name="Google Shape;336;g268175270ee_0_4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4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" name="Google Shape;348;g268175270ee_0_5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49" name="Google Shape;349;g268175270ee_0_5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6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1" name="Google Shape;361;g268175270ee_0_7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62" name="Google Shape;362;g268175270ee_0_7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7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4" name="Google Shape;374;g268175270ee_0_8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75" name="Google Shape;375;g268175270ee_0_8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8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7" name="Google Shape;387;p1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lang="cs-CZ"/>
              <a:t>Allocated time: 150 minutes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388" name="Google Shape;388;p1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39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6" name="Google Shape;396;g268175270ee_0_9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97" name="Google Shape;397;g268175270ee_0_9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1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1" name="Google Shape;411;p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12" name="Google Shape;412;p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4" name="Google Shape;424;g268175270ee_0_11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25" name="Google Shape;425;g268175270ee_0_11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7" name="Google Shape;437;p16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38" name="Google Shape;438;p16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" name="Google Shape;62;p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63" name="Google Shape;63;p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5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" name="Google Shape;460;p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Use this list of digital tools, platforms, or apps. Some of them are introduced with a video. You can find them on slides 20 to 28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Genially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61" name="Google Shape;461;p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3" name="Google Shape;473;g268175270ee_0_13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llocated time: 30 minutes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his icebreaker will not only help participants to get familiar with digital tools that they can use for creating micro-learning resources, but also to encourage team building and communication skills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Use this list of digital tools, platforms, or apps. Each team should receive at least 3 items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Genially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74" name="Google Shape;474;g268175270ee_0_13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8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4" name="Google Shape;484;p1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485" name="Google Shape;485;p1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457200" lvl="0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9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3" name="Google Shape;493;p3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Allocated time: 35 minutes</a:t>
            </a:r>
            <a:endParaRPr/>
          </a:p>
        </p:txBody>
      </p:sp>
      <p:sp>
        <p:nvSpPr>
          <p:cNvPr id="494" name="Google Shape;494;p3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0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2" name="Google Shape;502;g26816654c21_0_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03" name="Google Shape;503;g26816654c21_0_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7" name="Google Shape;517;p3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18" name="Google Shape;518;p3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9" name="Google Shape;529;p3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30" name="Google Shape;530;p3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4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5" name="Google Shape;545;p3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46" name="Google Shape;546;p3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6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1" name="Google Shape;561;p36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562" name="Google Shape;562;p36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0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7" name="Google Shape;607;p3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08" name="Google Shape;608;p3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" name="Google Shape;85;p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Allocated time: 30 minutes</a:t>
            </a:r>
            <a:endParaRPr/>
          </a:p>
        </p:txBody>
      </p:sp>
      <p:sp>
        <p:nvSpPr>
          <p:cNvPr id="86" name="Google Shape;86;p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0" name="Google Shape;620;g260caa4f4c6_0_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Allocated time: 35 minutes</a:t>
            </a:r>
            <a:endParaRPr/>
          </a:p>
        </p:txBody>
      </p:sp>
      <p:sp>
        <p:nvSpPr>
          <p:cNvPr id="621" name="Google Shape;621;g260caa4f4c6_0_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2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9" name="Google Shape;629;g26816654c21_0_9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30" name="Google Shape;630;g26816654c21_0_9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4" name="Google Shape;644;g26816654c21_0_7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45" name="Google Shape;645;g26816654c21_0_7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5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6" name="Google Shape;656;g26816654c21_0_10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57" name="Google Shape;657;g26816654c21_0_10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6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8" name="Google Shape;668;g26816654c21_0_12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69" name="Google Shape;669;g26816654c21_0_12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7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0" name="Google Shape;680;g26816654c21_0_13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81" name="Google Shape;681;g26816654c21_0_13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69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2" name="Google Shape;692;g26816654c21_0_16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93" name="Google Shape;693;g26816654c21_0_16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0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4" name="Google Shape;704;g26816654c21_0_17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05" name="Google Shape;705;g26816654c21_0_17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" name="Google Shape;717;g26816654c21_0_19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18" name="Google Shape;718;g26816654c21_0_19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4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0" name="Google Shape;730;g26da53bc1cd_0_4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31" name="Google Shape;731;g26da53bc1cd_0_4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4" name="Google Shape;94;p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95" name="Google Shape;95;p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4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4" name="Google Shape;744;g26da53bc1cd_0_16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45" name="Google Shape;745;g26da53bc1cd_0_16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7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2" name="Google Shape;772;g260caa4f4c6_0_1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Allocated time: 35 minutes</a:t>
            </a:r>
            <a:endParaRPr/>
          </a:p>
        </p:txBody>
      </p:sp>
      <p:sp>
        <p:nvSpPr>
          <p:cNvPr id="773" name="Google Shape;773;g260caa4f4c6_0_1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8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81" name="Google Shape;781;g26da53bc1cd_0_8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82" name="Google Shape;782;g26da53bc1cd_0_8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79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6" name="Google Shape;796;g26da53bc1cd_0_7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97" name="Google Shape;797;g26da53bc1cd_0_7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0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06" name="Google Shape;806;g2a20bd7d47c_0_11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07" name="Google Shape;807;g2a20bd7d47c_0_11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2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21" name="Google Shape;821;g26da53bc1cd_0_10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22" name="Google Shape;822;g26da53bc1cd_0_10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36" name="Google Shape;836;g2a20bd7d47c_0_12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37" name="Google Shape;837;g2a20bd7d47c_0_12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51" name="Google Shape;851;g26da53bc1cd_0_12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52" name="Google Shape;852;g26da53bc1cd_0_12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5" name="Google Shape;865;g2a20bd7d47c_0_14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66" name="Google Shape;866;g2a20bd7d47c_0_14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5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7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0" name="Google Shape;880;g26da53bc1cd_0_13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81" name="Google Shape;881;g26da53bc1cd_0_13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4" name="Google Shape;104;p6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105" name="Google Shape;105;p6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89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93" name="Google Shape;893;g2a20bd7d47c_0_15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94" name="Google Shape;894;g2a20bd7d47c_0_15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0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8" name="Google Shape;908;g26da53bc1cd_0_14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09" name="Google Shape;909;g26da53bc1cd_0_14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2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3" name="Google Shape;923;g2a20bd7d47c_0_162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24" name="Google Shape;924;g2a20bd7d47c_0_162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3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3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38" name="Google Shape;938;g26da53bc1cd_0_15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39" name="Google Shape;939;g26da53bc1cd_0_15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51" name="Google Shape;951;g2a20bd7d47c_0_173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52" name="Google Shape;952;g2a20bd7d47c_0_173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5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6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64" name="Google Shape;964;g26da53bc1cd_0_17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65" name="Google Shape;965;g26da53bc1cd_0_17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6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6" name="Google Shape;976;g26da53bc1cd_0_18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77" name="Google Shape;977;g26da53bc1cd_0_18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98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9" name="Google Shape;989;g26da53bc1cd_0_19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90" name="Google Shape;990;g26da53bc1cd_0_19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0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01" name="Google Shape;1001;p38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Allocated time: 10 minutes</a:t>
            </a:r>
            <a:endParaRPr/>
          </a:p>
        </p:txBody>
      </p:sp>
      <p:sp>
        <p:nvSpPr>
          <p:cNvPr id="1002" name="Google Shape;1002;p38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6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1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5" name="Google Shape;1015;p39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/>
              <a:t>Allocated time: 10 minutes</a:t>
            </a:r>
            <a:endParaRPr/>
          </a:p>
        </p:txBody>
      </p:sp>
      <p:sp>
        <p:nvSpPr>
          <p:cNvPr id="1016" name="Google Shape;1016;p39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1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7" name="Google Shape;117;p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llocated time: 30 minutes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his icebreaker will not only help participants to get familiar with digital tools that they can use for creating micro-learning resources, but also to encourage team building and communication skills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Use this list of digital tools, platforms, or apps. Each team should receive at least 3 items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Genially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18" name="Google Shape;118;p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70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7" name="Google Shape;1027;p40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1028" name="Google Shape;1028;p40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457200" lvl="0" indent="-22860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</p:spTree>
  </p:cSld>
  <p:clrMapOvr>
    <a:masterClrMapping/>
  </p:clrMapOvr>
</p:notes>
</file>

<file path=ppt/notesSlides/notesSlide7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3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6" name="Google Shape;1036;p41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/>
          </a:p>
        </p:txBody>
      </p:sp>
      <p:sp>
        <p:nvSpPr>
          <p:cNvPr id="1037" name="Google Shape;1037;p41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0" name="Google Shape;130;g260d3860b66_0_16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llocated time: 30 minutes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his icebreaker will not only help participants to get familiar with digital tools that they can use for creating micro-learning resources, but also to encourage team building and communication skills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Use this list of digital tools, platforms, or apps. Each team should receive at least 3 items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Genially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31" name="Google Shape;131;g260d3860b66_0_16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9" name="Google Shape;159;g260d3860b66_0_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llocated time: 30 minutes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This icebreaker will not only help participants to get familiar with digital tools that they can use for creating micro-learning resources, but also to encourage team building and communication skills.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Use this list of digital tools, platforms, or apps. Each team should receive at least 3 items.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rticulate 360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dobe Captiva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mtasi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H5P</a:t>
            </a:r>
            <a:endParaRPr/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iSpring Suit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Canva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Kahoo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Quizle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Genially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Mentimet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lucidat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asygener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Lectora Inspire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EdApp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Docebo Content Creato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WizIQ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owtoon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Vyond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Prezi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SzPts val="1100"/>
              <a:buNone/>
            </a:pPr>
            <a:r>
              <a:rPr lang="cs-CZ">
                <a:latin typeface="Philosopher"/>
                <a:ea typeface="Philosopher"/>
                <a:cs typeface="Philosopher"/>
                <a:sym typeface="Philosopher"/>
              </a:rPr>
              <a:t>Animaker</a:t>
            </a:r>
            <a:endParaRPr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60" name="Google Shape;160;g260d3860b66_0_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9525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2_Custom Layout">
  <p:cSld name="2_Custom Layout">
    <p:spTree>
      <p:nvGrpSpPr>
        <p:cNvPr id="1" name="Shape 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Google Shape;12;p2"/>
          <p:cNvSpPr>
            <a:spLocks noGrp="1"/>
          </p:cNvSpPr>
          <p:nvPr>
            <p:ph type="pic" idx="2"/>
          </p:nvPr>
        </p:nvSpPr>
        <p:spPr>
          <a:xfrm>
            <a:off x="0" y="0"/>
            <a:ext cx="12192000" cy="6858000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12_Custom Layout">
  <p:cSld name="12_Custom Layout">
    <p:spTree>
      <p:nvGrpSpPr>
        <p:cNvPr id="1" name="Shape 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" name="Google Shape;32;p11"/>
          <p:cNvSpPr>
            <a:spLocks noGrp="1"/>
          </p:cNvSpPr>
          <p:nvPr>
            <p:ph type="pic" idx="2"/>
          </p:nvPr>
        </p:nvSpPr>
        <p:spPr>
          <a:xfrm>
            <a:off x="0" y="1936063"/>
            <a:ext cx="12192000" cy="2985874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4_Custom Layout">
  <p:cSld name="4_Custom Layout">
    <p:spTree>
      <p:nvGrpSpPr>
        <p:cNvPr id="1" name="Shape 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Google Shape;14;p3"/>
          <p:cNvSpPr>
            <a:spLocks noGrp="1"/>
          </p:cNvSpPr>
          <p:nvPr>
            <p:ph type="pic" idx="2"/>
          </p:nvPr>
        </p:nvSpPr>
        <p:spPr>
          <a:xfrm>
            <a:off x="1662112" y="632949"/>
            <a:ext cx="2771775" cy="3756025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Title Slide">
  <p:cSld name="Title Slide">
    <p:spTree>
      <p:nvGrpSpPr>
        <p:cNvPr id="1" name="Shape 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Google Shape;16;p4"/>
          <p:cNvSpPr>
            <a:spLocks noGrp="1"/>
          </p:cNvSpPr>
          <p:nvPr>
            <p:ph type="pic" idx="2"/>
          </p:nvPr>
        </p:nvSpPr>
        <p:spPr>
          <a:xfrm>
            <a:off x="2100262" y="573087"/>
            <a:ext cx="3995738" cy="5711825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11_Custom Layout">
  <p:cSld name="11_Custom Layout">
    <p:spTree>
      <p:nvGrpSpPr>
        <p:cNvPr id="1" name="Shape 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Google Shape;18;p5"/>
          <p:cNvSpPr>
            <a:spLocks noGrp="1"/>
          </p:cNvSpPr>
          <p:nvPr>
            <p:ph type="pic" idx="2"/>
          </p:nvPr>
        </p:nvSpPr>
        <p:spPr>
          <a:xfrm>
            <a:off x="5068887" y="2402681"/>
            <a:ext cx="2054225" cy="2052638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Custom Layout">
  <p:cSld name="Custom Layout">
    <p:spTree>
      <p:nvGrpSpPr>
        <p:cNvPr id="1" name="Shape 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Google Shape;20;p6"/>
          <p:cNvSpPr>
            <a:spLocks noGrp="1"/>
          </p:cNvSpPr>
          <p:nvPr>
            <p:ph type="pic" idx="2"/>
          </p:nvPr>
        </p:nvSpPr>
        <p:spPr>
          <a:xfrm>
            <a:off x="5360279" y="2700362"/>
            <a:ext cx="6096000" cy="3429000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1_Custom Layout">
  <p:cSld name="1_Custom Layout">
    <p:spTree>
      <p:nvGrpSpPr>
        <p:cNvPr id="1" name="Shape 21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16_Custom Layout">
  <p:cSld name="16_Custom Layout">
    <p:spTree>
      <p:nvGrpSpPr>
        <p:cNvPr id="1" name="Shape 2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Google Shape;23;p8"/>
          <p:cNvSpPr>
            <a:spLocks noGrp="1"/>
          </p:cNvSpPr>
          <p:nvPr>
            <p:ph type="pic" idx="2"/>
          </p:nvPr>
        </p:nvSpPr>
        <p:spPr>
          <a:xfrm>
            <a:off x="1319669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  <p:sp>
        <p:nvSpPr>
          <p:cNvPr id="24" name="Google Shape;24;p8"/>
          <p:cNvSpPr>
            <a:spLocks noGrp="1"/>
          </p:cNvSpPr>
          <p:nvPr>
            <p:ph type="pic" idx="3"/>
          </p:nvPr>
        </p:nvSpPr>
        <p:spPr>
          <a:xfrm>
            <a:off x="3788433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  <p:sp>
        <p:nvSpPr>
          <p:cNvPr id="25" name="Google Shape;25;p8"/>
          <p:cNvSpPr>
            <a:spLocks noGrp="1"/>
          </p:cNvSpPr>
          <p:nvPr>
            <p:ph type="pic" idx="4"/>
          </p:nvPr>
        </p:nvSpPr>
        <p:spPr>
          <a:xfrm>
            <a:off x="6257197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  <p:sp>
        <p:nvSpPr>
          <p:cNvPr id="26" name="Google Shape;26;p8"/>
          <p:cNvSpPr>
            <a:spLocks noGrp="1"/>
          </p:cNvSpPr>
          <p:nvPr>
            <p:ph type="pic" idx="5"/>
          </p:nvPr>
        </p:nvSpPr>
        <p:spPr>
          <a:xfrm>
            <a:off x="8725961" y="2525150"/>
            <a:ext cx="2116082" cy="2117188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14_Custom Layout">
  <p:cSld name="14_Custom Layout">
    <p:spTree>
      <p:nvGrpSpPr>
        <p:cNvPr id="1" name="Shape 2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Google Shape;28;p9"/>
          <p:cNvSpPr>
            <a:spLocks noGrp="1"/>
          </p:cNvSpPr>
          <p:nvPr>
            <p:ph type="pic" idx="2"/>
          </p:nvPr>
        </p:nvSpPr>
        <p:spPr>
          <a:xfrm>
            <a:off x="626302" y="0"/>
            <a:ext cx="2918564" cy="6858000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  <p:extLst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3840">
          <p15:clr>
            <a:srgbClr val="FBAE40"/>
          </p15:clr>
        </p15:guide>
      </p15:sldGuideLst>
    </p:ext>
  </p:extLst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3_Custom Layout">
  <p:cSld name="3_Custom Layout">
    <p:spTree>
      <p:nvGrpSpPr>
        <p:cNvPr id="1" name="Shape 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Google Shape;30;p10"/>
          <p:cNvSpPr>
            <a:spLocks noGrp="1"/>
          </p:cNvSpPr>
          <p:nvPr>
            <p:ph type="pic" idx="2"/>
          </p:nvPr>
        </p:nvSpPr>
        <p:spPr>
          <a:xfrm>
            <a:off x="0" y="0"/>
            <a:ext cx="12192000" cy="4783138"/>
          </a:xfrm>
          <a:prstGeom prst="rect">
            <a:avLst/>
          </a:prstGeom>
          <a:noFill/>
          <a:ln>
            <a:noFill/>
          </a:ln>
        </p:spPr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lt1"/>
        </a:solidFill>
        <a:effectLst/>
      </p:bgPr>
    </p:bg>
    <p:spTree>
      <p:nvGrpSpPr>
        <p:cNvPr id="1" name="Shape 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Google Shape;6;p1"/>
          <p:cNvSpPr txBox="1"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rmAutofit/>
          </a:bodyPr>
          <a:lstStyle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endParaRPr/>
          </a:p>
        </p:txBody>
      </p:sp>
      <p:sp>
        <p:nvSpPr>
          <p:cNvPr id="7" name="Google Shape;7;p1"/>
          <p:cNvSpPr txBox="1"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rmAutofit/>
          </a:bodyPr>
          <a:lstStyle>
            <a:lvl1pPr marL="457200" marR="0" lvl="0" indent="-406400" algn="l" rtl="0">
              <a:lnSpc>
                <a:spcPct val="90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800"/>
              <a:buFont typeface="Arial"/>
              <a:buChar char="•"/>
              <a:defRPr sz="2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914400" marR="0" lvl="1" indent="-3810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400"/>
              <a:buFont typeface="Arial"/>
              <a:buChar char="•"/>
              <a:defRPr sz="2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1371600" marR="0" lvl="2" indent="-3556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Arial"/>
              <a:buChar char="•"/>
              <a:defRPr sz="20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1828800" marR="0" lvl="3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2286000" marR="0" lvl="4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2743200" marR="0" lvl="5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3200400" marR="0" lvl="6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3657600" marR="0" lvl="7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4114800" marR="0" lvl="8" indent="-342900" algn="l" rtl="0">
              <a:lnSpc>
                <a:spcPct val="90000"/>
              </a:lnSpc>
              <a:spcBef>
                <a:spcPts val="50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Char char="•"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8" name="Google Shape;8;p1"/>
          <p:cNvSpPr txBox="1">
            <a:spLocks noGrp="1"/>
          </p:cNvSpPr>
          <p:nvPr>
            <p:ph type="dt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9" name="Google Shape;9;p1"/>
          <p:cNvSpPr txBox="1">
            <a:spLocks noGrp="1"/>
          </p:cNvSpPr>
          <p:nvPr>
            <p:ph type="ft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R="0" lvl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endParaRPr/>
          </a:p>
        </p:txBody>
      </p:sp>
      <p:sp>
        <p:nvSpPr>
          <p:cNvPr id="10" name="Google Shape;10;p1"/>
          <p:cNvSpPr txBox="1">
            <a:spLocks noGrp="1"/>
          </p:cNvSpPr>
          <p:nvPr>
            <p:ph type="sldNum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>
            <a:lvl1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L="0" marR="0" lvl="1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2pPr>
            <a:lvl3pPr marL="0" marR="0" lvl="2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3pPr>
            <a:lvl4pPr marL="0" marR="0" lvl="3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4pPr>
            <a:lvl5pPr marL="0" marR="0" lvl="4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5pPr>
            <a:lvl6pPr marL="0" marR="0" lvl="5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6pPr>
            <a:lvl7pPr marL="0" marR="0" lvl="6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7pPr>
            <a:lvl8pPr marL="0" marR="0" lvl="7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8pPr>
            <a:lvl9pPr marL="0" marR="0" lvl="8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  <a:defRPr sz="1200" b="0" i="0" u="none" strike="noStrike" cap="none">
                <a:solidFill>
                  <a:srgbClr val="888888"/>
                </a:solidFill>
                <a:latin typeface="Calibri"/>
                <a:ea typeface="Calibri"/>
                <a:cs typeface="Calibri"/>
                <a:sym typeface="Calibri"/>
              </a:defRPr>
            </a:lvl9pPr>
          </a:lstStyle>
          <a:p>
            <a:pPr marL="0" lvl="0" indent="0" algn="r" rtl="0">
              <a:spcBef>
                <a:spcPts val="0"/>
              </a:spcBef>
              <a:spcAft>
                <a:spcPts val="0"/>
              </a:spcAft>
              <a:buNone/>
            </a:pPr>
            <a:fld id="{00000000-1234-1234-1234-123412341234}" type="slidenum">
              <a:rPr lang="cs-CZ"/>
              <a:t>‹#›</a:t>
            </a:fld>
            <a:endParaRPr/>
          </a:p>
        </p:txBody>
      </p:sp>
    </p:spTree>
  </p:cSld>
  <p:clrMap bg1="lt1" tx1="dk1" bg2="dk2" tx2="lt2" accent1="accent1" accent2="accent2" accent3="accent3" accent4="accent4" accent5="accent5" accent6="accent6" hlink="hlink" folHlink="folHlink"/>
  <p:sldLayoutIdLst>
    <p:sldLayoutId id="2147483648" r:id="rId1"/>
    <p:sldLayoutId id="2147483649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</p:sldLayoutIdLst>
  <p:hf sldNum="0" hdr="0" ftr="0" dt="0"/>
  <p:txStyles>
    <p:title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titleStyle>
    <p:body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bodyStyle>
    <p:otherStyle>
      <a:defPPr marR="0" lvl="0" algn="l" rtl="0">
        <a:lnSpc>
          <a:spcPct val="100000"/>
        </a:lnSpc>
        <a:spcBef>
          <a:spcPts val="0"/>
        </a:spcBef>
        <a:spcAft>
          <a:spcPts val="0"/>
        </a:spcAft>
      </a:defPPr>
      <a:lvl1pPr marR="0" lvl="0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1pPr>
      <a:lvl2pPr marR="0" lvl="1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2pPr>
      <a:lvl3pPr marR="0" lvl="2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3pPr>
      <a:lvl4pPr marR="0" lvl="3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4pPr>
      <a:lvl5pPr marR="0" lvl="4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5pPr>
      <a:lvl6pPr marR="0" lvl="5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6pPr>
      <a:lvl7pPr marR="0" lvl="6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7pPr>
      <a:lvl8pPr marR="0" lvl="7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8pPr>
      <a:lvl9pPr marR="0" lvl="8" algn="l" rtl="0">
        <a:lnSpc>
          <a:spcPct val="100000"/>
        </a:lnSpc>
        <a:spcBef>
          <a:spcPts val="0"/>
        </a:spcBef>
        <a:spcAft>
          <a:spcPts val="0"/>
        </a:spcAft>
        <a:buClr>
          <a:srgbClr val="000000"/>
        </a:buClr>
        <a:buFont typeface="Arial"/>
        <a:defRPr sz="1400" b="0" i="0" u="none" strike="noStrike" cap="none">
          <a:solidFill>
            <a:srgbClr val="000000"/>
          </a:solidFill>
          <a:latin typeface="Arial"/>
          <a:ea typeface="Arial"/>
          <a:cs typeface="Arial"/>
          <a:sym typeface="Arial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jp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11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jp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7" Type="http://schemas.openxmlformats.org/officeDocument/2006/relationships/image" Target="../media/image2.jp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4.png"/><Relationship Id="rId5" Type="http://schemas.openxmlformats.org/officeDocument/2006/relationships/image" Target="../media/image13.png"/><Relationship Id="rId4" Type="http://schemas.openxmlformats.org/officeDocument/2006/relationships/image" Target="../media/image12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14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14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jp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20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jp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jp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jp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.jpg"/><Relationship Id="rId5" Type="http://schemas.openxmlformats.org/officeDocument/2006/relationships/image" Target="../media/image25.png"/><Relationship Id="rId4" Type="http://schemas.openxmlformats.org/officeDocument/2006/relationships/image" Target="../media/image24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26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27.png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png"/><Relationship Id="rId3" Type="http://schemas.openxmlformats.org/officeDocument/2006/relationships/image" Target="../media/image4.png"/><Relationship Id="rId7" Type="http://schemas.openxmlformats.org/officeDocument/2006/relationships/hyperlink" Target="https://kahoot.com" TargetMode="External"/><Relationship Id="rId12" Type="http://schemas.openxmlformats.org/officeDocument/2006/relationships/image" Target="../media/image2.jpg"/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9.png"/><Relationship Id="rId11" Type="http://schemas.openxmlformats.org/officeDocument/2006/relationships/hyperlink" Target="https://padlet.com" TargetMode="External"/><Relationship Id="rId5" Type="http://schemas.openxmlformats.org/officeDocument/2006/relationships/hyperlink" Target="https://www.mentimeter.com" TargetMode="External"/><Relationship Id="rId10" Type="http://schemas.openxmlformats.org/officeDocument/2006/relationships/hyperlink" Target="https://jamboard.google.com" TargetMode="External"/><Relationship Id="rId4" Type="http://schemas.openxmlformats.org/officeDocument/2006/relationships/image" Target="../media/image28.jpg"/><Relationship Id="rId9" Type="http://schemas.openxmlformats.org/officeDocument/2006/relationships/image" Target="../media/image31.jp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jp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3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png"/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2.jpg"/><Relationship Id="rId4" Type="http://schemas.openxmlformats.org/officeDocument/2006/relationships/image" Target="../media/image1.png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jp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.jpg"/><Relationship Id="rId5" Type="http://schemas.openxmlformats.org/officeDocument/2006/relationships/image" Target="../media/image35.png"/><Relationship Id="rId4" Type="http://schemas.openxmlformats.org/officeDocument/2006/relationships/image" Target="../media/image34.png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3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jpg"/><Relationship Id="rId3" Type="http://schemas.openxmlformats.org/officeDocument/2006/relationships/image" Target="../media/image4.png"/><Relationship Id="rId7" Type="http://schemas.openxmlformats.org/officeDocument/2006/relationships/image" Target="../media/image39.png"/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38.png"/><Relationship Id="rId5" Type="http://schemas.openxmlformats.org/officeDocument/2006/relationships/image" Target="../media/image37.png"/><Relationship Id="rId4" Type="http://schemas.openxmlformats.org/officeDocument/2006/relationships/image" Target="../media/image36.png"/></Relationships>
</file>

<file path=ppt/slides/_rels/slide37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jpg"/><Relationship Id="rId3" Type="http://schemas.openxmlformats.org/officeDocument/2006/relationships/image" Target="../media/image4.png"/><Relationship Id="rId7" Type="http://schemas.openxmlformats.org/officeDocument/2006/relationships/image" Target="../media/image43.png"/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42.png"/><Relationship Id="rId5" Type="http://schemas.openxmlformats.org/officeDocument/2006/relationships/image" Target="../media/image41.png"/><Relationship Id="rId4" Type="http://schemas.openxmlformats.org/officeDocument/2006/relationships/image" Target="../media/image40.png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jpg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jpg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.jpg"/><Relationship Id="rId5" Type="http://schemas.openxmlformats.org/officeDocument/2006/relationships/image" Target="../media/image13.png"/><Relationship Id="rId4" Type="http://schemas.openxmlformats.org/officeDocument/2006/relationships/image" Target="../media/image45.png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2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3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4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5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6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7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6.png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7.png"/><Relationship Id="rId2" Type="http://schemas.openxmlformats.org/officeDocument/2006/relationships/notesSlide" Target="../notesSlides/notesSlide48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4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49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8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5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5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png"/><Relationship Id="rId2" Type="http://schemas.openxmlformats.org/officeDocument/2006/relationships/notesSlide" Target="../notesSlides/notesSlide50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51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.jpg"/></Relationships>
</file>

<file path=ppt/slides/_rels/slide5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52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.jpg"/><Relationship Id="rId5" Type="http://schemas.openxmlformats.org/officeDocument/2006/relationships/image" Target="../media/image45.png"/><Relationship Id="rId4" Type="http://schemas.openxmlformats.org/officeDocument/2006/relationships/image" Target="../media/image50.png"/></Relationships>
</file>

<file path=ppt/slides/_rels/slide5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1.png"/><Relationship Id="rId2" Type="http://schemas.openxmlformats.org/officeDocument/2006/relationships/notesSlide" Target="../notesSlides/notesSlide53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5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2.jpg"/><Relationship Id="rId2" Type="http://schemas.openxmlformats.org/officeDocument/2006/relationships/notesSlide" Target="../notesSlides/notesSlide54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5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3.png"/><Relationship Id="rId2" Type="http://schemas.openxmlformats.org/officeDocument/2006/relationships/notesSlide" Target="../notesSlides/notesSlide55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56.xml.rels><?xml version="1.0" encoding="UTF-8" standalone="yes"?>
<Relationships xmlns="http://schemas.openxmlformats.org/package/2006/relationships"><Relationship Id="rId3" Type="http://schemas.openxmlformats.org/officeDocument/2006/relationships/image" Target="../media/image54.png"/><Relationship Id="rId2" Type="http://schemas.openxmlformats.org/officeDocument/2006/relationships/notesSlide" Target="../notesSlides/notesSlide56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57.xml.rels><?xml version="1.0" encoding="UTF-8" standalone="yes"?>
<Relationships xmlns="http://schemas.openxmlformats.org/package/2006/relationships"><Relationship Id="rId3" Type="http://schemas.openxmlformats.org/officeDocument/2006/relationships/image" Target="../media/image55.png"/><Relationship Id="rId2" Type="http://schemas.openxmlformats.org/officeDocument/2006/relationships/notesSlide" Target="../notesSlides/notesSlide57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58.xml.rels><?xml version="1.0" encoding="UTF-8" standalone="yes"?>
<Relationships xmlns="http://schemas.openxmlformats.org/package/2006/relationships"><Relationship Id="rId3" Type="http://schemas.openxmlformats.org/officeDocument/2006/relationships/image" Target="../media/image56.png"/><Relationship Id="rId2" Type="http://schemas.openxmlformats.org/officeDocument/2006/relationships/notesSlide" Target="../notesSlides/notesSlide58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5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59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57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.jpg"/><Relationship Id="rId5" Type="http://schemas.openxmlformats.org/officeDocument/2006/relationships/hyperlink" Target="https://www.youtube.com/watch?v=-7UI-dTbMr0" TargetMode="External"/><Relationship Id="rId4" Type="http://schemas.openxmlformats.org/officeDocument/2006/relationships/image" Target="../media/image8.png"/></Relationships>
</file>

<file path=ppt/slides/_rels/slide6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8.png"/><Relationship Id="rId2" Type="http://schemas.openxmlformats.org/officeDocument/2006/relationships/notesSlide" Target="../notesSlides/notesSlide60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61.xml.rels><?xml version="1.0" encoding="UTF-8" standalone="yes"?>
<Relationships xmlns="http://schemas.openxmlformats.org/package/2006/relationships"><Relationship Id="rId3" Type="http://schemas.openxmlformats.org/officeDocument/2006/relationships/image" Target="../media/image59.png"/><Relationship Id="rId2" Type="http://schemas.openxmlformats.org/officeDocument/2006/relationships/notesSlide" Target="../notesSlides/notesSlide61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6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0.jpg"/><Relationship Id="rId2" Type="http://schemas.openxmlformats.org/officeDocument/2006/relationships/notesSlide" Target="../notesSlides/notesSlide62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6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1.jpg"/><Relationship Id="rId2" Type="http://schemas.openxmlformats.org/officeDocument/2006/relationships/notesSlide" Target="../notesSlides/notesSlide63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6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2.png"/><Relationship Id="rId2" Type="http://schemas.openxmlformats.org/officeDocument/2006/relationships/notesSlide" Target="../notesSlides/notesSlide64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6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65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6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66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6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67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6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3.jpg"/><Relationship Id="rId2" Type="http://schemas.openxmlformats.org/officeDocument/2006/relationships/notesSlide" Target="../notesSlides/notesSlide68.xml"/><Relationship Id="rId1" Type="http://schemas.openxmlformats.org/officeDocument/2006/relationships/slideLayout" Target="../slideLayouts/slideLayout8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6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69.xml"/><Relationship Id="rId1" Type="http://schemas.openxmlformats.org/officeDocument/2006/relationships/slideLayout" Target="../slideLayouts/slideLayout8.xml"/><Relationship Id="rId4" Type="http://schemas.openxmlformats.org/officeDocument/2006/relationships/image" Target="../media/image2.jp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_rels/slide7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png"/><Relationship Id="rId2" Type="http://schemas.openxmlformats.org/officeDocument/2006/relationships/notesSlide" Target="../notesSlides/notesSlide70.xml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2.jpg"/><Relationship Id="rId4" Type="http://schemas.openxmlformats.org/officeDocument/2006/relationships/image" Target="../media/image1.png"/></Relationships>
</file>

<file path=ppt/slides/_rels/slide71.xml.rels><?xml version="1.0" encoding="UTF-8" standalone="yes"?>
<Relationships xmlns="http://schemas.openxmlformats.org/package/2006/relationships"><Relationship Id="rId8" Type="http://schemas.openxmlformats.org/officeDocument/2006/relationships/image" Target="../media/image68.png"/><Relationship Id="rId3" Type="http://schemas.openxmlformats.org/officeDocument/2006/relationships/image" Target="../media/image4.png"/><Relationship Id="rId7" Type="http://schemas.openxmlformats.org/officeDocument/2006/relationships/image" Target="../media/image67.png"/><Relationship Id="rId12" Type="http://schemas.openxmlformats.org/officeDocument/2006/relationships/image" Target="../media/image2.jpg"/><Relationship Id="rId2" Type="http://schemas.openxmlformats.org/officeDocument/2006/relationships/notesSlide" Target="../notesSlides/notesSlide71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66.png"/><Relationship Id="rId11" Type="http://schemas.openxmlformats.org/officeDocument/2006/relationships/image" Target="../media/image71.png"/><Relationship Id="rId5" Type="http://schemas.openxmlformats.org/officeDocument/2006/relationships/image" Target="../media/image65.jpg"/><Relationship Id="rId10" Type="http://schemas.openxmlformats.org/officeDocument/2006/relationships/image" Target="../media/image70.jpg"/><Relationship Id="rId4" Type="http://schemas.openxmlformats.org/officeDocument/2006/relationships/image" Target="../media/image64.jpg"/><Relationship Id="rId9" Type="http://schemas.openxmlformats.org/officeDocument/2006/relationships/image" Target="../media/image69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2.jp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6.xml"/><Relationship Id="rId5" Type="http://schemas.openxmlformats.org/officeDocument/2006/relationships/image" Target="../media/image2.jpg"/><Relationship Id="rId4" Type="http://schemas.openxmlformats.org/officeDocument/2006/relationships/image" Target="../media/image4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7" name="Google Shape;37;p12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t="10217" b="10216"/>
          <a:stretch/>
        </p:blipFill>
        <p:spPr>
          <a:xfrm>
            <a:off x="0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38" name="Google Shape;38;p12"/>
          <p:cNvSpPr/>
          <p:nvPr/>
        </p:nvSpPr>
        <p:spPr>
          <a:xfrm>
            <a:off x="0" y="817419"/>
            <a:ext cx="5529943" cy="1457696"/>
          </a:xfrm>
          <a:prstGeom prst="rect">
            <a:avLst/>
          </a:prstGeom>
          <a:solidFill>
            <a:schemeClr val="accent1">
              <a:alpha val="69411"/>
            </a:schemeClr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39" name="Google Shape;39;p12"/>
          <p:cNvSpPr txBox="1"/>
          <p:nvPr/>
        </p:nvSpPr>
        <p:spPr>
          <a:xfrm>
            <a:off x="745723" y="914717"/>
            <a:ext cx="4038600" cy="1200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augusiųjų švietėjų profesinio tobulėjimo mokymai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0" name="Google Shape;40;p12"/>
          <p:cNvSpPr/>
          <p:nvPr/>
        </p:nvSpPr>
        <p:spPr>
          <a:xfrm>
            <a:off x="1" y="2484337"/>
            <a:ext cx="4332514" cy="1889327"/>
          </a:xfrm>
          <a:prstGeom prst="rect">
            <a:avLst/>
          </a:prstGeom>
          <a:solidFill>
            <a:schemeClr val="accent1">
              <a:alpha val="69411"/>
            </a:schemeClr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41" name="Google Shape;41;p12"/>
          <p:cNvSpPr txBox="1"/>
          <p:nvPr/>
        </p:nvSpPr>
        <p:spPr>
          <a:xfrm>
            <a:off x="348447" y="2581635"/>
            <a:ext cx="3853500" cy="2216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 modelis</a:t>
            </a:r>
            <a:r>
              <a:rPr lang="cs-CZ" sz="24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br>
              <a:rPr lang="cs-CZ" sz="24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4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vadas į įtraukimo strategijas skaitmeninėje aplinkoje</a:t>
            </a:r>
            <a:endParaRPr>
              <a:solidFill>
                <a:schemeClr val="dk1"/>
              </a:solidFill>
            </a:endParaRPr>
          </a:p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100"/>
              <a:buFont typeface="Arial"/>
              <a:buNone/>
            </a:pPr>
            <a:endParaRPr sz="24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pic>
        <p:nvPicPr>
          <p:cNvPr id="42" name="Google Shape;42;p12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7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0" name="Google Shape;180;p21"/>
          <p:cNvSpPr txBox="1"/>
          <p:nvPr/>
        </p:nvSpPr>
        <p:spPr>
          <a:xfrm>
            <a:off x="3071701" y="426600"/>
            <a:ext cx="6048600" cy="627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  <a:t>Grupės diskusija apie įsitraukimo iššūkius ir galimybes</a:t>
            </a:r>
            <a:endParaRPr sz="25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81" name="Google Shape;181;p21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182" name="Google Shape;182;p2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83" name="Google Shape;183;p2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84" name="Google Shape;184;p2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85" name="Google Shape;185;p21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86" name="Google Shape;186;p21"/>
          <p:cNvSpPr txBox="1"/>
          <p:nvPr/>
        </p:nvSpPr>
        <p:spPr>
          <a:xfrm>
            <a:off x="718325" y="1758375"/>
            <a:ext cx="7310100" cy="217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AutoNum type="arabicPeriod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Sudarykite nedideles diskusijų grupes (po 3-4 narius kiekvienoje grupėje)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AutoNum type="arabicPeriod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Pasidalykite savo įžvalgomis ir patirtimi, susijusia su įsitraukimo iššūkiais ir galimybėmis. 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AutoNum type="arabicPeriod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Pasirinkite atstovą, kuris apibendrinimo metu pasidalins pagrindinėmis mintimis.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87" name="Google Shape;187;p21"/>
          <p:cNvSpPr txBox="1"/>
          <p:nvPr/>
        </p:nvSpPr>
        <p:spPr>
          <a:xfrm>
            <a:off x="6277700" y="3879375"/>
            <a:ext cx="5776500" cy="217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 b="1" u="sng">
                <a:latin typeface="Philosopher"/>
                <a:ea typeface="Philosopher"/>
                <a:cs typeface="Philosopher"/>
                <a:sym typeface="Philosopher"/>
              </a:rPr>
              <a:t>Pasiūlymai diskusijų KLAUSIMAMS:</a:t>
            </a:r>
            <a:endParaRPr sz="2000" b="1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Su kokiais iššūkiais susidūrėte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dami besimokančiuosius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suaugusiuosius į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aitmeninę aplinką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?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Kaip manote kokios strategijos yra veiksmingos skatinant įsitraukimą?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88" name="Google Shape;188;p21"/>
          <p:cNvSpPr/>
          <p:nvPr/>
        </p:nvSpPr>
        <p:spPr>
          <a:xfrm flipH="1">
            <a:off x="-75510" y="2543425"/>
            <a:ext cx="6047985" cy="4251647"/>
          </a:xfrm>
          <a:custGeom>
            <a:avLst/>
            <a:gdLst/>
            <a:ahLst/>
            <a:cxnLst/>
            <a:rect l="l" t="t" r="r" b="b"/>
            <a:pathLst>
              <a:path w="7286729" h="5364854" extrusionOk="0">
                <a:moveTo>
                  <a:pt x="7286729" y="0"/>
                </a:moveTo>
                <a:lnTo>
                  <a:pt x="0" y="0"/>
                </a:lnTo>
                <a:lnTo>
                  <a:pt x="0" y="5364854"/>
                </a:lnTo>
                <a:lnTo>
                  <a:pt x="7286729" y="5364854"/>
                </a:lnTo>
                <a:lnTo>
                  <a:pt x="7286729" y="0"/>
                </a:lnTo>
                <a:close/>
              </a:path>
            </a:pathLst>
          </a:custGeom>
          <a:blipFill rotWithShape="1">
            <a:blip r:embed="rId4">
              <a:alphaModFix amt="14000"/>
            </a:blip>
            <a:stretch>
              <a:fillRect/>
            </a:stretch>
          </a:blipFill>
          <a:ln>
            <a:noFill/>
          </a:ln>
        </p:spPr>
      </p:sp>
      <p:pic>
        <p:nvPicPr>
          <p:cNvPr id="189" name="Google Shape;189;p21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9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" name="Google Shape;194;p22"/>
          <p:cNvSpPr txBox="1"/>
          <p:nvPr/>
        </p:nvSpPr>
        <p:spPr>
          <a:xfrm>
            <a:off x="3071701" y="2632325"/>
            <a:ext cx="6048600" cy="627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  <a:t>Klausimai, atsakymai ir apibendrinimas</a:t>
            </a:r>
            <a:endParaRPr sz="25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95" name="Google Shape;195;p22"/>
          <p:cNvGrpSpPr/>
          <p:nvPr/>
        </p:nvGrpSpPr>
        <p:grpSpPr>
          <a:xfrm>
            <a:off x="5470012" y="3428997"/>
            <a:ext cx="1251984" cy="358200"/>
            <a:chOff x="5470062" y="1167647"/>
            <a:chExt cx="1251984" cy="358200"/>
          </a:xfrm>
        </p:grpSpPr>
        <p:sp>
          <p:nvSpPr>
            <p:cNvPr id="196" name="Google Shape;196;p2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97" name="Google Shape;197;p2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98" name="Google Shape;198;p2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99" name="Google Shape;199;p22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pic>
        <p:nvPicPr>
          <p:cNvPr id="200" name="Google Shape;200;p22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0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" name="Google Shape;205;p23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206" name="Google Shape;206;p23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2" r="14652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207" name="Google Shape;207;p23"/>
          <p:cNvSpPr txBox="1"/>
          <p:nvPr/>
        </p:nvSpPr>
        <p:spPr>
          <a:xfrm>
            <a:off x="5494954" y="1678900"/>
            <a:ext cx="12021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2 sesija: 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08" name="Google Shape;208;p23"/>
          <p:cNvSpPr txBox="1"/>
          <p:nvPr/>
        </p:nvSpPr>
        <p:spPr>
          <a:xfrm>
            <a:off x="4173742" y="4546933"/>
            <a:ext cx="3844500" cy="886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4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Įtraukiančios mokymosi patirties kūrimas</a:t>
            </a:r>
            <a:endParaRPr sz="24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209" name="Google Shape;209;p23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4" name="Google Shape;214;p24"/>
          <p:cNvSpPr/>
          <p:nvPr/>
        </p:nvSpPr>
        <p:spPr>
          <a:xfrm>
            <a:off x="7389925" y="5370925"/>
            <a:ext cx="3686700" cy="8595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15" name="Google Shape;215;p24"/>
          <p:cNvSpPr txBox="1"/>
          <p:nvPr/>
        </p:nvSpPr>
        <p:spPr>
          <a:xfrm>
            <a:off x="3897906" y="636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nkstesnės sesijos apibendrinimas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16" name="Google Shape;216;p24"/>
          <p:cNvGrpSpPr/>
          <p:nvPr/>
        </p:nvGrpSpPr>
        <p:grpSpPr>
          <a:xfrm>
            <a:off x="5470062" y="1349322"/>
            <a:ext cx="1251876" cy="358096"/>
            <a:chOff x="5470062" y="1167647"/>
            <a:chExt cx="1251876" cy="358096"/>
          </a:xfrm>
        </p:grpSpPr>
        <p:sp>
          <p:nvSpPr>
            <p:cNvPr id="217" name="Google Shape;217;p24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18" name="Google Shape;218;p24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19" name="Google Shape;219;p24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20" name="Google Shape;220;p24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21" name="Google Shape;221;p24"/>
          <p:cNvSpPr txBox="1"/>
          <p:nvPr/>
        </p:nvSpPr>
        <p:spPr>
          <a:xfrm>
            <a:off x="2334975" y="2448838"/>
            <a:ext cx="5820900" cy="50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Skaitmeninė aplinka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2" name="Google Shape;222;p24"/>
          <p:cNvSpPr txBox="1"/>
          <p:nvPr/>
        </p:nvSpPr>
        <p:spPr>
          <a:xfrm>
            <a:off x="7389925" y="5370925"/>
            <a:ext cx="3751500" cy="759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ŠI SESIJA?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3" name="Google Shape;223;p24"/>
          <p:cNvSpPr/>
          <p:nvPr/>
        </p:nvSpPr>
        <p:spPr>
          <a:xfrm>
            <a:off x="2334964" y="4154971"/>
            <a:ext cx="1068271" cy="1001504"/>
          </a:xfrm>
          <a:custGeom>
            <a:avLst/>
            <a:gdLst/>
            <a:ahLst/>
            <a:cxnLst/>
            <a:rect l="l" t="t" r="r" b="b"/>
            <a:pathLst>
              <a:path w="1068271" h="1001504" extrusionOk="0">
                <a:moveTo>
                  <a:pt x="0" y="0"/>
                </a:moveTo>
                <a:lnTo>
                  <a:pt x="1068272" y="0"/>
                </a:lnTo>
                <a:lnTo>
                  <a:pt x="1068272" y="1001504"/>
                </a:lnTo>
                <a:lnTo>
                  <a:pt x="0" y="1001504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224" name="Google Shape;224;p24"/>
          <p:cNvSpPr/>
          <p:nvPr/>
        </p:nvSpPr>
        <p:spPr>
          <a:xfrm>
            <a:off x="1635848" y="1947666"/>
            <a:ext cx="777502" cy="981075"/>
          </a:xfrm>
          <a:custGeom>
            <a:avLst/>
            <a:gdLst/>
            <a:ahLst/>
            <a:cxnLst/>
            <a:rect l="l" t="t" r="r" b="b"/>
            <a:pathLst>
              <a:path w="777502" h="981075" extrusionOk="0">
                <a:moveTo>
                  <a:pt x="0" y="0"/>
                </a:moveTo>
                <a:lnTo>
                  <a:pt x="777502" y="0"/>
                </a:lnTo>
                <a:lnTo>
                  <a:pt x="777502" y="981075"/>
                </a:lnTo>
                <a:lnTo>
                  <a:pt x="0" y="981075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225" name="Google Shape;225;p24"/>
          <p:cNvSpPr txBox="1"/>
          <p:nvPr/>
        </p:nvSpPr>
        <p:spPr>
          <a:xfrm>
            <a:off x="8294100" y="2956750"/>
            <a:ext cx="2782500" cy="50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Įsitraukimas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6" name="Google Shape;226;p24"/>
          <p:cNvSpPr txBox="1"/>
          <p:nvPr/>
        </p:nvSpPr>
        <p:spPr>
          <a:xfrm>
            <a:off x="3551225" y="4413438"/>
            <a:ext cx="5820900" cy="50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Iššūkiai ir galimybės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27" name="Google Shape;227;p24"/>
          <p:cNvSpPr/>
          <p:nvPr/>
        </p:nvSpPr>
        <p:spPr>
          <a:xfrm>
            <a:off x="7056425" y="2633283"/>
            <a:ext cx="1251850" cy="1154832"/>
          </a:xfrm>
          <a:custGeom>
            <a:avLst/>
            <a:gdLst/>
            <a:ahLst/>
            <a:cxnLst/>
            <a:rect l="l" t="t" r="r" b="b"/>
            <a:pathLst>
              <a:path w="3129626" h="2887080" extrusionOk="0">
                <a:moveTo>
                  <a:pt x="0" y="0"/>
                </a:moveTo>
                <a:lnTo>
                  <a:pt x="3129626" y="0"/>
                </a:lnTo>
                <a:lnTo>
                  <a:pt x="3129626" y="2887080"/>
                </a:lnTo>
                <a:lnTo>
                  <a:pt x="0" y="28870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6">
              <a:alphaModFix/>
            </a:blip>
            <a:stretch>
              <a:fillRect/>
            </a:stretch>
          </a:blipFill>
          <a:ln>
            <a:noFill/>
          </a:ln>
        </p:spPr>
      </p:sp>
      <p:pic>
        <p:nvPicPr>
          <p:cNvPr id="228" name="Google Shape;228;p24"/>
          <p:cNvPicPr preferRelativeResize="0"/>
          <p:nvPr/>
        </p:nvPicPr>
        <p:blipFill>
          <a:blip r:embed="rId7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3" name="Google Shape;233;p25"/>
          <p:cNvSpPr/>
          <p:nvPr/>
        </p:nvSpPr>
        <p:spPr>
          <a:xfrm>
            <a:off x="8202700" y="1616338"/>
            <a:ext cx="3508200" cy="2574900"/>
          </a:xfrm>
          <a:prstGeom prst="ellipse">
            <a:avLst/>
          </a:prstGeom>
          <a:solidFill>
            <a:srgbClr val="F6B26B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4" name="Google Shape;234;p25"/>
          <p:cNvSpPr/>
          <p:nvPr/>
        </p:nvSpPr>
        <p:spPr>
          <a:xfrm>
            <a:off x="2362925" y="4222525"/>
            <a:ext cx="3694200" cy="2354700"/>
          </a:xfrm>
          <a:prstGeom prst="ellipse">
            <a:avLst/>
          </a:prstGeom>
          <a:solidFill>
            <a:srgbClr val="FFE77E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5" name="Google Shape;235;p25"/>
          <p:cNvSpPr/>
          <p:nvPr/>
        </p:nvSpPr>
        <p:spPr>
          <a:xfrm>
            <a:off x="6300750" y="4115050"/>
            <a:ext cx="3508200" cy="2574900"/>
          </a:xfrm>
          <a:prstGeom prst="ellipse">
            <a:avLst/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6" name="Google Shape;236;p25"/>
          <p:cNvSpPr/>
          <p:nvPr/>
        </p:nvSpPr>
        <p:spPr>
          <a:xfrm>
            <a:off x="608100" y="1714800"/>
            <a:ext cx="3399900" cy="2574900"/>
          </a:xfrm>
          <a:prstGeom prst="ellipse">
            <a:avLst/>
          </a:prstGeom>
          <a:solidFill>
            <a:schemeClr val="accent2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37" name="Google Shape;237;p25"/>
          <p:cNvSpPr txBox="1"/>
          <p:nvPr/>
        </p:nvSpPr>
        <p:spPr>
          <a:xfrm>
            <a:off x="2383050" y="393400"/>
            <a:ext cx="7425900" cy="785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grindiniai principai, kuriais vadovaujamasi kuriant patrauklią mokymosi patirtį. 1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38" name="Google Shape;238;p25"/>
          <p:cNvGrpSpPr/>
          <p:nvPr/>
        </p:nvGrpSpPr>
        <p:grpSpPr>
          <a:xfrm>
            <a:off x="5470062" y="1356710"/>
            <a:ext cx="1251876" cy="358096"/>
            <a:chOff x="5470062" y="1167647"/>
            <a:chExt cx="1251876" cy="358096"/>
          </a:xfrm>
        </p:grpSpPr>
        <p:sp>
          <p:nvSpPr>
            <p:cNvPr id="239" name="Google Shape;239;p25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40" name="Google Shape;240;p25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41" name="Google Shape;241;p25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42" name="Google Shape;242;p25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43" name="Google Shape;243;p25"/>
          <p:cNvSpPr txBox="1"/>
          <p:nvPr/>
        </p:nvSpPr>
        <p:spPr>
          <a:xfrm>
            <a:off x="460950" y="2067250"/>
            <a:ext cx="3694200" cy="2124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Aktualumas: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Užtikrinkite, kad turinys atitiktų besimokančiųjų tikslus, poreikius ir realų pritaikymą.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4" name="Google Shape;244;p25"/>
          <p:cNvSpPr txBox="1"/>
          <p:nvPr/>
        </p:nvSpPr>
        <p:spPr>
          <a:xfrm>
            <a:off x="8295250" y="1909450"/>
            <a:ext cx="3323100" cy="2378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Interaktyvumas: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Įtraukite veiklas, skatinančias dalyvauti, diskutuoti ir mokytis per praktiką.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5" name="Google Shape;245;p25"/>
          <p:cNvSpPr txBox="1"/>
          <p:nvPr/>
        </p:nvSpPr>
        <p:spPr>
          <a:xfrm>
            <a:off x="2167175" y="4379275"/>
            <a:ext cx="4085700" cy="2378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Atsiliepimai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Pateikite grįžtamąjį ryšį, tai reikalinga besimokančiųjų pažangai ir motyvacijai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 stengtis.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6" name="Google Shape;246;p25"/>
          <p:cNvSpPr txBox="1"/>
          <p:nvPr/>
        </p:nvSpPr>
        <p:spPr>
          <a:xfrm>
            <a:off x="6207750" y="4407025"/>
            <a:ext cx="3694200" cy="217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Pritaikomumas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Dizainas pritaikytas įvairiems mokymosi stiliams ir poreikiams, skirtingiems tempams ir formatams.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47" name="Google Shape;247;p25"/>
          <p:cNvSpPr/>
          <p:nvPr/>
        </p:nvSpPr>
        <p:spPr>
          <a:xfrm rot="2168123">
            <a:off x="4884701" y="2035241"/>
            <a:ext cx="2441309" cy="2252107"/>
          </a:xfrm>
          <a:custGeom>
            <a:avLst/>
            <a:gdLst/>
            <a:ahLst/>
            <a:cxnLst/>
            <a:rect l="l" t="t" r="r" b="b"/>
            <a:pathLst>
              <a:path w="3129626" h="2887080" extrusionOk="0">
                <a:moveTo>
                  <a:pt x="0" y="0"/>
                </a:moveTo>
                <a:lnTo>
                  <a:pt x="3129626" y="0"/>
                </a:lnTo>
                <a:lnTo>
                  <a:pt x="3129626" y="2887080"/>
                </a:lnTo>
                <a:lnTo>
                  <a:pt x="0" y="28870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</p:sp>
      <p:pic>
        <p:nvPicPr>
          <p:cNvPr id="248" name="Google Shape;248;p25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5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3" name="Google Shape;253;p26"/>
          <p:cNvSpPr/>
          <p:nvPr/>
        </p:nvSpPr>
        <p:spPr>
          <a:xfrm>
            <a:off x="7729600" y="1629450"/>
            <a:ext cx="3964200" cy="2354700"/>
          </a:xfrm>
          <a:prstGeom prst="ellipse">
            <a:avLst/>
          </a:prstGeom>
          <a:solidFill>
            <a:schemeClr val="accent2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4" name="Google Shape;254;p26"/>
          <p:cNvSpPr/>
          <p:nvPr/>
        </p:nvSpPr>
        <p:spPr>
          <a:xfrm>
            <a:off x="6386250" y="3961775"/>
            <a:ext cx="3508200" cy="2574900"/>
          </a:xfrm>
          <a:prstGeom prst="ellipse">
            <a:avLst/>
          </a:prstGeom>
          <a:solidFill>
            <a:srgbClr val="F6B26B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5" name="Google Shape;255;p26"/>
          <p:cNvSpPr/>
          <p:nvPr/>
        </p:nvSpPr>
        <p:spPr>
          <a:xfrm>
            <a:off x="2220900" y="3945025"/>
            <a:ext cx="3964200" cy="2833500"/>
          </a:xfrm>
          <a:prstGeom prst="ellipse">
            <a:avLst/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6" name="Google Shape;256;p26"/>
          <p:cNvSpPr/>
          <p:nvPr/>
        </p:nvSpPr>
        <p:spPr>
          <a:xfrm>
            <a:off x="473900" y="1705650"/>
            <a:ext cx="3694200" cy="2354700"/>
          </a:xfrm>
          <a:prstGeom prst="ellipse">
            <a:avLst/>
          </a:prstGeom>
          <a:solidFill>
            <a:srgbClr val="FFE77E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257" name="Google Shape;257;p26"/>
          <p:cNvSpPr txBox="1"/>
          <p:nvPr/>
        </p:nvSpPr>
        <p:spPr>
          <a:xfrm>
            <a:off x="2383050" y="357325"/>
            <a:ext cx="7425900" cy="785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grindiniai principai, kuriais vadovaujamasi kuriant patrauklią mokymosi patirtį. 2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endParaRPr sz="2800" b="1" u="sng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58" name="Google Shape;258;p26"/>
          <p:cNvGrpSpPr/>
          <p:nvPr/>
        </p:nvGrpSpPr>
        <p:grpSpPr>
          <a:xfrm>
            <a:off x="5470012" y="1367709"/>
            <a:ext cx="1251984" cy="358200"/>
            <a:chOff x="5470062" y="1167647"/>
            <a:chExt cx="1251984" cy="358200"/>
          </a:xfrm>
        </p:grpSpPr>
        <p:sp>
          <p:nvSpPr>
            <p:cNvPr id="259" name="Google Shape;259;p2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60" name="Google Shape;260;p2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61" name="Google Shape;261;p2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62" name="Google Shape;262;p26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63" name="Google Shape;263;p26"/>
          <p:cNvSpPr txBox="1"/>
          <p:nvPr/>
        </p:nvSpPr>
        <p:spPr>
          <a:xfrm>
            <a:off x="6471750" y="4297175"/>
            <a:ext cx="3337200" cy="198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Aiškumas:</a:t>
            </a:r>
            <a:br>
              <a:rPr lang="cs-CZ" sz="2200"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Turinį pateikite aiškiai ir nuosekliai. Venkite nebūtinos sudėtingos informacijos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4" name="Google Shape;264;p26"/>
          <p:cNvSpPr txBox="1"/>
          <p:nvPr/>
        </p:nvSpPr>
        <p:spPr>
          <a:xfrm>
            <a:off x="338900" y="1972250"/>
            <a:ext cx="3964200" cy="198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Vertinimas: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Įtraukite pavyzdžius apie realaus pasaulio iššūkius ir meistriškumo matavimą.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5" name="Google Shape;265;p26"/>
          <p:cNvSpPr txBox="1"/>
          <p:nvPr/>
        </p:nvSpPr>
        <p:spPr>
          <a:xfrm>
            <a:off x="7664200" y="1812450"/>
            <a:ext cx="4095000" cy="198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Motyvacija:</a:t>
            </a:r>
            <a:br>
              <a:rPr lang="cs-CZ" sz="2200"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Naudokite įdomias istorijas, vizualus, ir scenarijus, kad paveiktumėte besimokančiųjų emocijas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6" name="Google Shape;266;p26"/>
          <p:cNvSpPr txBox="1"/>
          <p:nvPr/>
        </p:nvSpPr>
        <p:spPr>
          <a:xfrm>
            <a:off x="2703900" y="4248925"/>
            <a:ext cx="2998200" cy="2378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Bendradarbiavimas:</a:t>
            </a:r>
            <a:br>
              <a:rPr lang="cs-CZ" sz="2200"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Skatinkite bendradarbiavimą per grupinį darbą, diskusijas, mokymasi bendradarbiaujant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267" name="Google Shape;267;p26"/>
          <p:cNvSpPr/>
          <p:nvPr/>
        </p:nvSpPr>
        <p:spPr>
          <a:xfrm rot="2168123">
            <a:off x="4884701" y="2035241"/>
            <a:ext cx="2441309" cy="2252107"/>
          </a:xfrm>
          <a:custGeom>
            <a:avLst/>
            <a:gdLst/>
            <a:ahLst/>
            <a:cxnLst/>
            <a:rect l="l" t="t" r="r" b="b"/>
            <a:pathLst>
              <a:path w="3129626" h="2887080" extrusionOk="0">
                <a:moveTo>
                  <a:pt x="0" y="0"/>
                </a:moveTo>
                <a:lnTo>
                  <a:pt x="3129626" y="0"/>
                </a:lnTo>
                <a:lnTo>
                  <a:pt x="3129626" y="2887080"/>
                </a:lnTo>
                <a:lnTo>
                  <a:pt x="0" y="28870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</p:sp>
      <p:pic>
        <p:nvPicPr>
          <p:cNvPr id="268" name="Google Shape;268;p26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7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73" name="Google Shape;273;p27"/>
          <p:cNvPicPr preferRelativeResize="0"/>
          <p:nvPr/>
        </p:nvPicPr>
        <p:blipFill rotWithShape="1">
          <a:blip r:embed="rId3">
            <a:alphaModFix/>
          </a:blip>
          <a:srcRect r="3474" b="5159"/>
          <a:stretch/>
        </p:blipFill>
        <p:spPr>
          <a:xfrm>
            <a:off x="7459775" y="3085100"/>
            <a:ext cx="4686800" cy="3849099"/>
          </a:xfrm>
          <a:prstGeom prst="rect">
            <a:avLst/>
          </a:prstGeom>
          <a:noFill/>
          <a:ln>
            <a:noFill/>
          </a:ln>
        </p:spPr>
      </p:pic>
      <p:sp>
        <p:nvSpPr>
          <p:cNvPr id="274" name="Google Shape;274;p27"/>
          <p:cNvSpPr txBox="1"/>
          <p:nvPr/>
        </p:nvSpPr>
        <p:spPr>
          <a:xfrm>
            <a:off x="3897874" y="296425"/>
            <a:ext cx="5100351" cy="753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ažos</a:t>
            </a:r>
            <a:r>
              <a:rPr lang="cs-CZ" sz="28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800" b="1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rupės</a:t>
            </a:r>
            <a:r>
              <a:rPr lang="cs-CZ" sz="28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800" b="1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ikla</a:t>
            </a:r>
            <a:r>
              <a:rPr lang="cs-CZ" sz="28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800" b="1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rumpo</a:t>
            </a:r>
            <a:r>
              <a:rPr lang="cs-CZ" sz="28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800" b="1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8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800" b="1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ūrimas</a:t>
            </a:r>
            <a:endParaRPr sz="2800" b="1" i="0" u="none" strike="noStrike" cap="none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75" name="Google Shape;275;p27"/>
          <p:cNvGrpSpPr/>
          <p:nvPr/>
        </p:nvGrpSpPr>
        <p:grpSpPr>
          <a:xfrm>
            <a:off x="5470021" y="1167649"/>
            <a:ext cx="1096393" cy="258975"/>
            <a:chOff x="5470062" y="1167647"/>
            <a:chExt cx="1251876" cy="358096"/>
          </a:xfrm>
        </p:grpSpPr>
        <p:sp>
          <p:nvSpPr>
            <p:cNvPr id="276" name="Google Shape;276;p27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77" name="Google Shape;277;p27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78" name="Google Shape;278;p27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79" name="Google Shape;279;p27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80" name="Google Shape;280;p27"/>
          <p:cNvSpPr txBox="1"/>
          <p:nvPr/>
        </p:nvSpPr>
        <p:spPr>
          <a:xfrm>
            <a:off x="700425" y="1455825"/>
            <a:ext cx="8001600" cy="500286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marR="0" lvl="0" indent="-36195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100"/>
              <a:buFont typeface="Philosopher"/>
              <a:buAutoNum type="arabicPeriod"/>
            </a:pP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Grupės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po </a:t>
            </a:r>
            <a:r>
              <a:rPr lang="cs-CZ" sz="21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-4 </a:t>
            </a:r>
            <a:r>
              <a:rPr lang="cs-CZ" sz="2100" b="1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žmones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(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daugiausiai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8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grupės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)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;</a:t>
            </a:r>
            <a:endParaRPr sz="21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61950">
              <a:lnSpc>
                <a:spcPct val="115000"/>
              </a:lnSpc>
              <a:spcBef>
                <a:spcPts val="1000"/>
              </a:spcBef>
              <a:buSzPts val="2100"/>
              <a:buFont typeface="Philosopher"/>
              <a:buAutoNum type="arabicPeriod"/>
            </a:pP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8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šablonai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kaip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sukurti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trumpą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siėmimą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(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kiekvienas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šablonas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turi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instrukcijas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apie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specifinį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dizaino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principą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);</a:t>
            </a:r>
            <a:endParaRPr sz="21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6195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100"/>
              <a:buFont typeface="Philosopher"/>
              <a:buAutoNum type="arabicPeriod"/>
            </a:pP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Grupė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sukuria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trumpą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užsiėmimą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pagal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gautą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dizaino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principą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.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Parinkite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temas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susijusias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su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sunkiai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pasiekiamų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besimokančiųjų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interesais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ir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turėkite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omeny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skaitmenines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aplinkas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;</a:t>
            </a:r>
            <a:endParaRPr sz="21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6195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100"/>
              <a:buFont typeface="Philosopher"/>
              <a:buAutoNum type="arabicPeriod"/>
            </a:pP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Kiekviena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grupė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pristato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sukurtas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trumpus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užsiėmimus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endParaRPr sz="21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paaiškina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kaip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buvo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pritaikytas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dizaino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principas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;</a:t>
            </a:r>
            <a:endParaRPr sz="21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6195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100"/>
              <a:buFont typeface="Philosopher"/>
              <a:buAutoNum type="arabicPeriod"/>
            </a:pP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Grupės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viena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kitai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suteikia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konstruktyvų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grįžtamąjį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latin typeface="Philosopher"/>
                <a:ea typeface="Philosopher"/>
                <a:cs typeface="Philosopher"/>
                <a:sym typeface="Philosopher"/>
              </a:rPr>
              <a:t>ryšį</a:t>
            </a:r>
            <a:r>
              <a:rPr lang="cs-CZ" sz="2100" b="1" dirty="0">
                <a:latin typeface="Philosopher"/>
                <a:ea typeface="Philosopher"/>
                <a:cs typeface="Philosopher"/>
                <a:sym typeface="Philosopher"/>
              </a:rPr>
              <a:t>.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pabrėžia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kas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buvo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gerai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, o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ką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galima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latin typeface="Philosopher"/>
                <a:ea typeface="Philosopher"/>
                <a:cs typeface="Philosopher"/>
                <a:sym typeface="Philosopher"/>
              </a:rPr>
              <a:t>tobulinti</a:t>
            </a:r>
            <a:r>
              <a:rPr lang="cs-CZ" sz="21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100" dirty="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81" name="Google Shape;281;p27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8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86" name="Google Shape;286;p28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6948650" y="1466650"/>
            <a:ext cx="5243351" cy="5243351"/>
          </a:xfrm>
          <a:prstGeom prst="rect">
            <a:avLst/>
          </a:prstGeom>
          <a:noFill/>
          <a:ln>
            <a:noFill/>
          </a:ln>
        </p:spPr>
      </p:pic>
      <p:sp>
        <p:nvSpPr>
          <p:cNvPr id="287" name="Google Shape;287;p28"/>
          <p:cNvSpPr txBox="1"/>
          <p:nvPr/>
        </p:nvSpPr>
        <p:spPr>
          <a:xfrm>
            <a:off x="3897883" y="609318"/>
            <a:ext cx="4396233" cy="44085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1 šablonas: aktualumas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288" name="Google Shape;288;p28"/>
          <p:cNvGrpSpPr/>
          <p:nvPr/>
        </p:nvGrpSpPr>
        <p:grpSpPr>
          <a:xfrm>
            <a:off x="5470062" y="1167647"/>
            <a:ext cx="1251876" cy="358096"/>
            <a:chOff x="5470062" y="1167647"/>
            <a:chExt cx="1251876" cy="358096"/>
          </a:xfrm>
        </p:grpSpPr>
        <p:sp>
          <p:nvSpPr>
            <p:cNvPr id="289" name="Google Shape;289;p28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90" name="Google Shape;290;p28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291" name="Google Shape;291;p28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292" name="Google Shape;292;p28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293" name="Google Shape;293;p28"/>
          <p:cNvSpPr txBox="1"/>
          <p:nvPr/>
        </p:nvSpPr>
        <p:spPr>
          <a:xfrm>
            <a:off x="772200" y="1985775"/>
            <a:ext cx="8775000" cy="439654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Mokymosi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tikslas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4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aiškia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nurodykit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trump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tiksl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„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Kabliukas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”: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tem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pradėkit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realiu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scenarijum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ar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klausimu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kuri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sudomintų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besimokančiu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ritaikymo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veikla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įtraukit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užduotį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kurioj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besimokantiej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praktiška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pritaiky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turinį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Diskusija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skatinkit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diskusija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api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medžiag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ir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gyvenimiško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patirtie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ryšį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  </a:t>
            </a:r>
            <a:endParaRPr sz="1200" dirty="0">
              <a:solidFill>
                <a:srgbClr val="37415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1500"/>
              </a:spcBef>
              <a:spcAft>
                <a:spcPts val="0"/>
              </a:spcAft>
              <a:buNone/>
            </a:pPr>
            <a:endParaRPr sz="2400" dirty="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294" name="Google Shape;294;p28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29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9" name="Google Shape;299;p29"/>
          <p:cNvPicPr preferRelativeResize="0"/>
          <p:nvPr/>
        </p:nvPicPr>
        <p:blipFill rotWithShape="1">
          <a:blip r:embed="rId3">
            <a:alphaModFix amt="19000"/>
          </a:blip>
          <a:srcRect t="10836" b="4832"/>
          <a:stretch/>
        </p:blipFill>
        <p:spPr>
          <a:xfrm>
            <a:off x="50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300" name="Google Shape;300;p29"/>
          <p:cNvSpPr txBox="1"/>
          <p:nvPr/>
        </p:nvSpPr>
        <p:spPr>
          <a:xfrm>
            <a:off x="3897874" y="609325"/>
            <a:ext cx="47313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2 šablonas: interaktyvumas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01" name="Google Shape;301;p29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02" name="Google Shape;302;p2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03" name="Google Shape;303;p2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04" name="Google Shape;304;p2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05" name="Google Shape;305;p29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06" name="Google Shape;306;p29"/>
          <p:cNvSpPr txBox="1"/>
          <p:nvPr/>
        </p:nvSpPr>
        <p:spPr>
          <a:xfrm>
            <a:off x="1367526" y="1843750"/>
            <a:ext cx="9456900" cy="487667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Mokymosi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tikslas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400" b="1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nurodykit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numatom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rezultat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Interaktyvi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veikla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įtraukit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veikl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kur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reikalauja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besimokančiųjų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dalyvavim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pvz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: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grupinę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diskusij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atvej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analizę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ar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interaktyvi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viktorin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Bendradarbiavimas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įtraukit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bendradarbiavim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element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skatinantį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besimokančiuosiu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dirbt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kartu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sprendžiant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problem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ar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atliekant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užduotį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Grįžtamasis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yšys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400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škart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o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iklos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žinių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tvirtinimui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suteikit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tiesioginį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grįžtamąjį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ryšį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07" name="Google Shape;307;p29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1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12" name="Google Shape;312;p30"/>
          <p:cNvPicPr preferRelativeResize="0"/>
          <p:nvPr/>
        </p:nvPicPr>
        <p:blipFill rotWithShape="1">
          <a:blip r:embed="rId3">
            <a:alphaModFix amt="50000"/>
          </a:blip>
          <a:srcRect l="16492"/>
          <a:stretch/>
        </p:blipFill>
        <p:spPr>
          <a:xfrm>
            <a:off x="6447433" y="1715125"/>
            <a:ext cx="5510994" cy="4414500"/>
          </a:xfrm>
          <a:prstGeom prst="rect">
            <a:avLst/>
          </a:prstGeom>
          <a:noFill/>
          <a:ln>
            <a:noFill/>
          </a:ln>
        </p:spPr>
      </p:pic>
      <p:sp>
        <p:nvSpPr>
          <p:cNvPr id="313" name="Google Shape;313;p30"/>
          <p:cNvSpPr txBox="1"/>
          <p:nvPr/>
        </p:nvSpPr>
        <p:spPr>
          <a:xfrm>
            <a:off x="3413748" y="293175"/>
            <a:ext cx="53646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 šablonas: grįžtamasis ryšys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14" name="Google Shape;314;p30"/>
          <p:cNvGrpSpPr/>
          <p:nvPr/>
        </p:nvGrpSpPr>
        <p:grpSpPr>
          <a:xfrm>
            <a:off x="5470062" y="862847"/>
            <a:ext cx="1251984" cy="358200"/>
            <a:chOff x="5470062" y="1167647"/>
            <a:chExt cx="1251984" cy="358200"/>
          </a:xfrm>
        </p:grpSpPr>
        <p:sp>
          <p:nvSpPr>
            <p:cNvPr id="315" name="Google Shape;315;p3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16" name="Google Shape;316;p3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17" name="Google Shape;317;p3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18" name="Google Shape;318;p30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19" name="Google Shape;319;p30"/>
          <p:cNvSpPr txBox="1"/>
          <p:nvPr/>
        </p:nvSpPr>
        <p:spPr>
          <a:xfrm>
            <a:off x="236950" y="1715125"/>
            <a:ext cx="6242400" cy="494746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Mokymo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tikslas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nurodykite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numatomą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rezultatą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0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Vertinimas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įtraukite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ugdomojo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vertinimo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užduotį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kurioje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besimokantieji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galėtų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pritaikyti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tai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ko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išmoko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0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Grįžtamojo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yšio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ciklas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nurodykite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kaip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besimokantieji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gaus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grįžtamąjį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ryšį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apie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savo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pasiekimus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(per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savęs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vertinimą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bendradarbiaujant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su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kolegomis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arba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per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dėstytojo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atsiliepimus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).</a:t>
            </a:r>
            <a:endParaRPr sz="20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efleksija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įtraukite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skyrių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kuriame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besimokantieji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apmąstytų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įvertinimo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rezultatus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ir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nustatytų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tobulintinas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latin typeface="Philosopher"/>
                <a:ea typeface="Philosopher"/>
                <a:cs typeface="Philosopher"/>
                <a:sym typeface="Philosopher"/>
              </a:rPr>
              <a:t>sritis</a:t>
            </a:r>
            <a:r>
              <a:rPr lang="cs-CZ" sz="20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000" b="1" dirty="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20" name="Google Shape;320;p3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" name="Google Shape;47;p13"/>
          <p:cNvSpPr/>
          <p:nvPr/>
        </p:nvSpPr>
        <p:spPr>
          <a:xfrm>
            <a:off x="0" y="0"/>
            <a:ext cx="6096000" cy="6858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48" name="Google Shape;48;p13" descr="Close-up of hands holding coins&#10;&#10;Description automatically generated with medium confidence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25403" r="25404"/>
          <a:stretch/>
        </p:blipFill>
        <p:spPr>
          <a:xfrm>
            <a:off x="1610913" y="1464429"/>
            <a:ext cx="2771775" cy="3756025"/>
          </a:xfrm>
          <a:prstGeom prst="rect">
            <a:avLst/>
          </a:prstGeom>
          <a:noFill/>
          <a:ln>
            <a:noFill/>
          </a:ln>
        </p:spPr>
      </p:pic>
      <p:sp>
        <p:nvSpPr>
          <p:cNvPr id="49" name="Google Shape;49;p13"/>
          <p:cNvSpPr txBox="1"/>
          <p:nvPr/>
        </p:nvSpPr>
        <p:spPr>
          <a:xfrm>
            <a:off x="7554300" y="811693"/>
            <a:ext cx="2019265" cy="36718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 MODULIS</a:t>
            </a:r>
            <a:endParaRPr sz="1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0" name="Google Shape;50;p13"/>
          <p:cNvSpPr txBox="1"/>
          <p:nvPr/>
        </p:nvSpPr>
        <p:spPr>
          <a:xfrm>
            <a:off x="7201695" y="2174891"/>
            <a:ext cx="3976200" cy="1159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ct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lang="cs-CZ" sz="20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Šį modulį sudaro 14 valandų mokymosi turinio.</a:t>
            </a:r>
            <a:endParaRPr sz="2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1" name="Google Shape;51;p13"/>
          <p:cNvSpPr txBox="1"/>
          <p:nvPr/>
        </p:nvSpPr>
        <p:spPr>
          <a:xfrm>
            <a:off x="6338352" y="3544800"/>
            <a:ext cx="3235200" cy="900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 valandos </a:t>
            </a:r>
            <a:endParaRPr sz="24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yvo (F2F) mokymosi 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2" name="Google Shape;52;p13"/>
          <p:cNvSpPr txBox="1"/>
          <p:nvPr/>
        </p:nvSpPr>
        <p:spPr>
          <a:xfrm>
            <a:off x="8935206" y="3544796"/>
            <a:ext cx="2919000" cy="900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8 valandos savarankiško mokymosi </a:t>
            </a:r>
            <a:endParaRPr/>
          </a:p>
        </p:txBody>
      </p:sp>
      <p:sp>
        <p:nvSpPr>
          <p:cNvPr id="53" name="Google Shape;53;p13"/>
          <p:cNvSpPr txBox="1"/>
          <p:nvPr/>
        </p:nvSpPr>
        <p:spPr>
          <a:xfrm>
            <a:off x="6330156" y="4656100"/>
            <a:ext cx="2761818" cy="2088041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Šis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pristatymas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apima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 6 </a:t>
            </a: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valandas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gyvo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 (F2F) </a:t>
            </a: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mokymosi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.</a:t>
            </a:r>
            <a:endParaRPr sz="1600" dirty="0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Kartu </a:t>
            </a: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su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juo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pateikiamas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užsiėmimo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planas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 </a:t>
            </a:r>
            <a:r>
              <a:rPr lang="cs-CZ" sz="1600" dirty="0" err="1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vedėjui</a:t>
            </a:r>
            <a:r>
              <a:rPr lang="cs-CZ" sz="1600" dirty="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.</a:t>
            </a:r>
            <a:endParaRPr sz="1600" dirty="0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600"/>
              <a:buFont typeface="Arial"/>
              <a:buNone/>
            </a:pPr>
            <a:endParaRPr sz="1600" dirty="0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4" name="Google Shape;54;p13"/>
          <p:cNvSpPr txBox="1"/>
          <p:nvPr/>
        </p:nvSpPr>
        <p:spPr>
          <a:xfrm>
            <a:off x="8935200" y="4772375"/>
            <a:ext cx="2919000" cy="1488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600"/>
              <a:buFont typeface="Arial"/>
              <a:buNone/>
            </a:pPr>
            <a:r>
              <a:rPr lang="cs-CZ" sz="16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Peržiūrėkite savarankiškam mokymuisi skirtus išteklius savo tempu!</a:t>
            </a:r>
            <a:endParaRPr sz="16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grpSp>
        <p:nvGrpSpPr>
          <p:cNvPr id="55" name="Google Shape;55;p13"/>
          <p:cNvGrpSpPr/>
          <p:nvPr/>
        </p:nvGrpSpPr>
        <p:grpSpPr>
          <a:xfrm>
            <a:off x="7937994" y="1428370"/>
            <a:ext cx="1251876" cy="358096"/>
            <a:chOff x="5470062" y="1167647"/>
            <a:chExt cx="1251876" cy="358096"/>
          </a:xfrm>
        </p:grpSpPr>
        <p:sp>
          <p:nvSpPr>
            <p:cNvPr id="56" name="Google Shape;56;p13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7" name="Google Shape;57;p13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8" name="Google Shape;58;p13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59" name="Google Shape;59;p13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252595" y="-167864"/>
            <a:ext cx="2386989" cy="1687495"/>
          </a:xfrm>
          <a:prstGeom prst="rect">
            <a:avLst/>
          </a:prstGeom>
          <a:noFill/>
          <a:ln>
            <a:noFill/>
          </a:ln>
        </p:spPr>
      </p:pic>
      <p:pic>
        <p:nvPicPr>
          <p:cNvPr id="60" name="Google Shape;60;p13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2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25" name="Google Shape;325;p31"/>
          <p:cNvPicPr preferRelativeResize="0"/>
          <p:nvPr/>
        </p:nvPicPr>
        <p:blipFill rotWithShape="1">
          <a:blip r:embed="rId3">
            <a:alphaModFix amt="10000"/>
          </a:blip>
          <a:srcRect t="12181" b="11013"/>
          <a:stretch/>
        </p:blipFill>
        <p:spPr>
          <a:xfrm>
            <a:off x="0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326" name="Google Shape;326;p31"/>
          <p:cNvSpPr txBox="1"/>
          <p:nvPr/>
        </p:nvSpPr>
        <p:spPr>
          <a:xfrm>
            <a:off x="3321575" y="541200"/>
            <a:ext cx="55488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 šablonas: gebėjimas prisitaikyti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27" name="Google Shape;327;p31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28" name="Google Shape;328;p3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29" name="Google Shape;329;p3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30" name="Google Shape;330;p3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31" name="Google Shape;331;p31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32" name="Google Shape;332;p31"/>
          <p:cNvSpPr txBox="1"/>
          <p:nvPr/>
        </p:nvSpPr>
        <p:spPr>
          <a:xfrm>
            <a:off x="1501925" y="2110538"/>
            <a:ext cx="9188100" cy="445194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Mokymo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tikslas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urodykite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umatomą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ezultatą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Galimi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būdai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400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įtraukit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skirtingų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formatų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(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tekst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vaizd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gars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)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turinį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kad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būtų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patenkint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įvairū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mokymos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poreikia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Tolimesnis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mokymasis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pasiūlykit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papildomų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išteklių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arba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veiklų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tiem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kurie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nor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gilinti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į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temą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latin typeface="Philosopher"/>
              <a:ea typeface="Philosopher"/>
              <a:cs typeface="Philosopher"/>
              <a:sym typeface="Philosopher"/>
            </a:endParaRPr>
          </a:p>
          <a:p>
            <a:pPr lv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ritaikymas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suteikite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galimybę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rinkti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kaip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atsižvelgiant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į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pomėgiu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ar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mokymos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stilių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besimokantiem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geriausia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įsisavinti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tam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tikra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latin typeface="Philosopher"/>
                <a:ea typeface="Philosopher"/>
                <a:cs typeface="Philosopher"/>
                <a:sym typeface="Philosopher"/>
              </a:rPr>
              <a:t>dalis</a:t>
            </a:r>
            <a:r>
              <a:rPr lang="cs-CZ" sz="2400" dirty="0"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b="1" dirty="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33" name="Google Shape;333;p31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3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8" name="Google Shape;338;p32"/>
          <p:cNvSpPr txBox="1"/>
          <p:nvPr/>
        </p:nvSpPr>
        <p:spPr>
          <a:xfrm>
            <a:off x="3897883" y="6093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5 šablonas: aiškumas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39" name="Google Shape;339;p32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40" name="Google Shape;340;p3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41" name="Google Shape;341;p3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42" name="Google Shape;342;p3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43" name="Google Shape;343;p32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44" name="Google Shape;344;p32"/>
          <p:cNvSpPr txBox="1"/>
          <p:nvPr/>
        </p:nvSpPr>
        <p:spPr>
          <a:xfrm>
            <a:off x="313900" y="1839750"/>
            <a:ext cx="7210800" cy="412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Mokymosi tikslas:</a:t>
            </a:r>
            <a:r>
              <a:rPr lang="cs-CZ" sz="220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iškiai suformuluokite norimą mokymosi rezultatą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aprastumas: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turinį pateikite aiškiai ir glaustai, vengdami žargono ar nereikalingo sudėtingumo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Vaizdinės priemonės:</a:t>
            </a:r>
            <a:r>
              <a:rPr lang="cs-CZ" sz="220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grindinėms sąvokoms iliustruoti naudokite vaizdines priemones, pvz.: diagramas ar infografikus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>
                <a:solidFill>
                  <a:schemeClr val="accent3"/>
                </a:solidFill>
                <a:latin typeface="Philosopher"/>
                <a:ea typeface="Philosopher"/>
                <a:cs typeface="Philosopher"/>
                <a:sym typeface="Philosopher"/>
              </a:rPr>
              <a:t>Žingsnis po žingsnio: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sudėtingus procesus suskirstykite į žingsnis po žingsnio instrukcijas.</a:t>
            </a:r>
            <a:endParaRPr sz="22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45" name="Google Shape;345;p32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7372300" y="1540900"/>
            <a:ext cx="4610500" cy="4610500"/>
          </a:xfrm>
          <a:prstGeom prst="rect">
            <a:avLst/>
          </a:prstGeom>
          <a:noFill/>
          <a:ln>
            <a:noFill/>
          </a:ln>
        </p:spPr>
      </p:pic>
      <p:pic>
        <p:nvPicPr>
          <p:cNvPr id="346" name="Google Shape;346;p32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5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51" name="Google Shape;351;p33"/>
          <p:cNvPicPr preferRelativeResize="0"/>
          <p:nvPr/>
        </p:nvPicPr>
        <p:blipFill rotWithShape="1">
          <a:blip r:embed="rId3">
            <a:alphaModFix amt="16000"/>
          </a:blip>
          <a:srcRect t="19120"/>
          <a:stretch/>
        </p:blipFill>
        <p:spPr>
          <a:xfrm>
            <a:off x="0" y="0"/>
            <a:ext cx="12192000" cy="6857999"/>
          </a:xfrm>
          <a:prstGeom prst="rect">
            <a:avLst/>
          </a:prstGeom>
          <a:noFill/>
          <a:ln>
            <a:noFill/>
          </a:ln>
        </p:spPr>
      </p:pic>
      <p:sp>
        <p:nvSpPr>
          <p:cNvPr id="352" name="Google Shape;352;p33"/>
          <p:cNvSpPr txBox="1"/>
          <p:nvPr/>
        </p:nvSpPr>
        <p:spPr>
          <a:xfrm>
            <a:off x="3897883" y="6093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 šablonas: vertinimas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53" name="Google Shape;353;p33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54" name="Google Shape;354;p33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55" name="Google Shape;355;p33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56" name="Google Shape;356;p33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57" name="Google Shape;357;p33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58" name="Google Shape;358;p33"/>
          <p:cNvSpPr txBox="1"/>
          <p:nvPr/>
        </p:nvSpPr>
        <p:spPr>
          <a:xfrm>
            <a:off x="1304225" y="1872775"/>
            <a:ext cx="9583500" cy="4027216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lvl="0">
              <a:lnSpc>
                <a:spcPct val="115000"/>
              </a:lnSpc>
              <a:spcBef>
                <a:spcPts val="1500"/>
              </a:spcBef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Mokymosi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tikslai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urodykite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rumpo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ikslą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lvl="0">
              <a:lnSpc>
                <a:spcPct val="115000"/>
              </a:lnSpc>
              <a:spcBef>
                <a:spcPts val="1500"/>
              </a:spcBef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Žinių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taikymo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užduotis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kurkite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duotį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urioje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simokantieji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urės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itaikyti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ąvokas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nkrečiam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cenarijui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ubrika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arba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kriterijai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4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teikite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iškius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duoties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rtinimo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riterijus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r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aiškinkite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rtinimo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riterijus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4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4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efleksija</a:t>
            </a:r>
            <a:r>
              <a:rPr lang="cs-CZ" sz="24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te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efleksijos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laiką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ad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simokantieji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ptartų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šmoko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4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rtinimo</a:t>
            </a:r>
            <a:r>
              <a:rPr lang="cs-CZ" sz="24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rocese.</a:t>
            </a:r>
            <a:endParaRPr sz="2400" b="1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59" name="Google Shape;359;p33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6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64" name="Google Shape;364;p34"/>
          <p:cNvPicPr preferRelativeResize="0"/>
          <p:nvPr/>
        </p:nvPicPr>
        <p:blipFill rotWithShape="1">
          <a:blip r:embed="rId3">
            <a:alphaModFix/>
          </a:blip>
          <a:srcRect l="-301" t="-1100" r="49994" b="1100"/>
          <a:stretch/>
        </p:blipFill>
        <p:spPr>
          <a:xfrm>
            <a:off x="0" y="2159725"/>
            <a:ext cx="5807273" cy="4698275"/>
          </a:xfrm>
          <a:prstGeom prst="rect">
            <a:avLst/>
          </a:prstGeom>
          <a:noFill/>
          <a:ln>
            <a:noFill/>
          </a:ln>
        </p:spPr>
      </p:pic>
      <p:sp>
        <p:nvSpPr>
          <p:cNvPr id="365" name="Google Shape;365;p34"/>
          <p:cNvSpPr txBox="1"/>
          <p:nvPr/>
        </p:nvSpPr>
        <p:spPr>
          <a:xfrm>
            <a:off x="3897883" y="609318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7 šablonas: motyvacija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66" name="Google Shape;366;p34"/>
          <p:cNvGrpSpPr/>
          <p:nvPr/>
        </p:nvGrpSpPr>
        <p:grpSpPr>
          <a:xfrm>
            <a:off x="5470062" y="1167647"/>
            <a:ext cx="1251984" cy="358200"/>
            <a:chOff x="5470062" y="1167647"/>
            <a:chExt cx="1251984" cy="358200"/>
          </a:xfrm>
        </p:grpSpPr>
        <p:sp>
          <p:nvSpPr>
            <p:cNvPr id="367" name="Google Shape;367;p34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68" name="Google Shape;368;p34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69" name="Google Shape;369;p34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70" name="Google Shape;370;p34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71" name="Google Shape;371;p34"/>
          <p:cNvSpPr txBox="1"/>
          <p:nvPr/>
        </p:nvSpPr>
        <p:spPr>
          <a:xfrm>
            <a:off x="5188925" y="2159725"/>
            <a:ext cx="6825600" cy="408030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lvl="0">
              <a:lnSpc>
                <a:spcPct val="115000"/>
              </a:lnSpc>
              <a:spcBef>
                <a:spcPts val="1500"/>
              </a:spcBef>
            </a:pPr>
            <a:r>
              <a:rPr lang="cs-CZ" sz="21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Instrukcijos</a:t>
            </a:r>
            <a:r>
              <a:rPr lang="cs-CZ" sz="21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tikslas</a:t>
            </a:r>
            <a:r>
              <a:rPr lang="cs-CZ" sz="21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1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ibūdinkite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umatomą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rumpo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kymosi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ezultatą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1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lvl="0">
              <a:lnSpc>
                <a:spcPct val="115000"/>
              </a:lnSpc>
              <a:spcBef>
                <a:spcPts val="1500"/>
              </a:spcBef>
            </a:pPr>
            <a:r>
              <a:rPr lang="cs-CZ" sz="21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Pasakojimas</a:t>
            </a:r>
            <a:r>
              <a:rPr lang="cs-CZ" sz="21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100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adėkite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uo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trauklios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storijos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ar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sakojimo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sijusio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uriniu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1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1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Vaizdinis</a:t>
            </a:r>
            <a:r>
              <a:rPr lang="cs-CZ" sz="21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įtraukimas</a:t>
            </a:r>
            <a:r>
              <a:rPr lang="cs-CZ" sz="21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te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aizdinius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r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ultimedijos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lementus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, kurie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veiktų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mocijas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1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1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Kvietimas</a:t>
            </a:r>
            <a:r>
              <a:rPr lang="cs-CZ" sz="21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veiksmui</a:t>
            </a:r>
            <a:r>
              <a:rPr lang="cs-CZ" sz="21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100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baikite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kvepiančiu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aginimu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mtis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iksmų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vietimu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itaikyti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ai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1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šmoko</a:t>
            </a:r>
            <a:r>
              <a:rPr lang="cs-CZ" sz="21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100" b="1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72" name="Google Shape;372;p34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7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77" name="Google Shape;377;p35"/>
          <p:cNvPicPr preferRelativeResize="0"/>
          <p:nvPr/>
        </p:nvPicPr>
        <p:blipFill rotWithShape="1">
          <a:blip r:embed="rId3">
            <a:alphaModFix/>
          </a:blip>
          <a:srcRect r="4516" b="3428"/>
          <a:stretch/>
        </p:blipFill>
        <p:spPr>
          <a:xfrm>
            <a:off x="5709100" y="1965700"/>
            <a:ext cx="6450024" cy="4892301"/>
          </a:xfrm>
          <a:prstGeom prst="rect">
            <a:avLst/>
          </a:prstGeom>
          <a:noFill/>
          <a:ln>
            <a:noFill/>
          </a:ln>
        </p:spPr>
      </p:pic>
      <p:sp>
        <p:nvSpPr>
          <p:cNvPr id="378" name="Google Shape;378;p35"/>
          <p:cNvSpPr txBox="1"/>
          <p:nvPr/>
        </p:nvSpPr>
        <p:spPr>
          <a:xfrm>
            <a:off x="3378148" y="303450"/>
            <a:ext cx="54357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8 šablonas: bendradarbiavimas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379" name="Google Shape;379;p35"/>
          <p:cNvGrpSpPr/>
          <p:nvPr/>
        </p:nvGrpSpPr>
        <p:grpSpPr>
          <a:xfrm>
            <a:off x="5470062" y="939047"/>
            <a:ext cx="1251984" cy="358200"/>
            <a:chOff x="5470062" y="1167647"/>
            <a:chExt cx="1251984" cy="358200"/>
          </a:xfrm>
        </p:grpSpPr>
        <p:sp>
          <p:nvSpPr>
            <p:cNvPr id="380" name="Google Shape;380;p3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81" name="Google Shape;381;p3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382" name="Google Shape;382;p3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383" name="Google Shape;383;p35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384" name="Google Shape;384;p35"/>
          <p:cNvSpPr txBox="1"/>
          <p:nvPr/>
        </p:nvSpPr>
        <p:spPr>
          <a:xfrm>
            <a:off x="501874" y="1381575"/>
            <a:ext cx="5580873" cy="494746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lvl="0">
              <a:lnSpc>
                <a:spcPct val="115000"/>
              </a:lnSpc>
              <a:spcBef>
                <a:spcPts val="1500"/>
              </a:spcBef>
            </a:pP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Mokymosi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tikslas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urodykite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nkretų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rumpo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siėmimo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ikslą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0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Grupinė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užduotis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te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ndrą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duotį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urią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tlikdami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simokantieji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irbtų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kartu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r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galvotų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dėjų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ar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šanalizuotų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tvejį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i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špręstų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oblemą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0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Diskusijų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lenta:</a:t>
            </a:r>
            <a:r>
              <a:rPr lang="cs-CZ" sz="2000" b="1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teikite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irtualią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rdvę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urioje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simokantieji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alėtų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ptarti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r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sidalyti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avo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ndru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arbu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000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dirty="0" err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Refleksija</a:t>
            </a:r>
            <a:r>
              <a:rPr lang="cs-CZ" sz="2000" b="1" dirty="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te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efleksijos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laiką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,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ad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simokantieji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alėtų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ptarti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ndradarbiavimo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ivalumus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r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dirty="0" err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nkumus</a:t>
            </a:r>
            <a:r>
              <a:rPr lang="cs-CZ" sz="2000" dirty="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000" b="1" dirty="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385" name="Google Shape;385;p35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8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0" name="Google Shape;390;p36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391" name="Google Shape;391;p36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2" r="14652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392" name="Google Shape;392;p36"/>
          <p:cNvSpPr txBox="1"/>
          <p:nvPr/>
        </p:nvSpPr>
        <p:spPr>
          <a:xfrm>
            <a:off x="5464654" y="1678900"/>
            <a:ext cx="12627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 sesija: 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393" name="Google Shape;393;p36"/>
          <p:cNvSpPr txBox="1"/>
          <p:nvPr/>
        </p:nvSpPr>
        <p:spPr>
          <a:xfrm>
            <a:off x="3824077" y="478778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lang="cs-CZ" sz="20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Bendravimas ir sąveika</a:t>
            </a:r>
            <a:endParaRPr sz="2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394" name="Google Shape;394;p36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39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" name="Google Shape;399;p37"/>
          <p:cNvSpPr txBox="1"/>
          <p:nvPr/>
        </p:nvSpPr>
        <p:spPr>
          <a:xfrm>
            <a:off x="3897906" y="603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nkstesnės sesijos apibendrinimas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00" name="Google Shape;400;p37"/>
          <p:cNvGrpSpPr/>
          <p:nvPr/>
        </p:nvGrpSpPr>
        <p:grpSpPr>
          <a:xfrm>
            <a:off x="5470012" y="1360322"/>
            <a:ext cx="1251984" cy="358200"/>
            <a:chOff x="5470062" y="1167647"/>
            <a:chExt cx="1251984" cy="358200"/>
          </a:xfrm>
        </p:grpSpPr>
        <p:sp>
          <p:nvSpPr>
            <p:cNvPr id="401" name="Google Shape;401;p37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02" name="Google Shape;402;p37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03" name="Google Shape;403;p37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04" name="Google Shape;404;p37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05" name="Google Shape;405;p37"/>
          <p:cNvSpPr txBox="1"/>
          <p:nvPr/>
        </p:nvSpPr>
        <p:spPr>
          <a:xfrm>
            <a:off x="3091750" y="2421588"/>
            <a:ext cx="8406900" cy="554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3000">
                <a:latin typeface="Philosopher"/>
                <a:ea typeface="Philosopher"/>
                <a:cs typeface="Philosopher"/>
                <a:sym typeface="Philosopher"/>
              </a:rPr>
              <a:t>Įtraukiančios mokymosi patirties principai;</a:t>
            </a:r>
            <a:endParaRPr sz="3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06" name="Google Shape;406;p37"/>
          <p:cNvSpPr/>
          <p:nvPr/>
        </p:nvSpPr>
        <p:spPr>
          <a:xfrm>
            <a:off x="702614" y="1651824"/>
            <a:ext cx="2202877" cy="2093651"/>
          </a:xfrm>
          <a:custGeom>
            <a:avLst/>
            <a:gdLst/>
            <a:ahLst/>
            <a:cxnLst/>
            <a:rect l="l" t="t" r="r" b="b"/>
            <a:pathLst>
              <a:path w="2202877" h="2093651" extrusionOk="0">
                <a:moveTo>
                  <a:pt x="0" y="0"/>
                </a:moveTo>
                <a:lnTo>
                  <a:pt x="2202876" y="0"/>
                </a:lnTo>
                <a:lnTo>
                  <a:pt x="2202876" y="2093651"/>
                </a:lnTo>
                <a:lnTo>
                  <a:pt x="0" y="2093651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407" name="Google Shape;407;p37"/>
          <p:cNvSpPr txBox="1"/>
          <p:nvPr/>
        </p:nvSpPr>
        <p:spPr>
          <a:xfrm>
            <a:off x="1248975" y="4425600"/>
            <a:ext cx="7045200" cy="1177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3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aus bendravimo ir sąveikos strategijų pagrindai.</a:t>
            </a:r>
            <a:endParaRPr sz="3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08" name="Google Shape;408;p37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8322075" y="3745475"/>
            <a:ext cx="2437675" cy="2446475"/>
          </a:xfrm>
          <a:prstGeom prst="rect">
            <a:avLst/>
          </a:prstGeom>
          <a:noFill/>
          <a:ln>
            <a:noFill/>
          </a:ln>
        </p:spPr>
      </p:pic>
      <p:pic>
        <p:nvPicPr>
          <p:cNvPr id="409" name="Google Shape;409;p37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1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4" name="Google Shape;414;p38"/>
          <p:cNvSpPr txBox="1"/>
          <p:nvPr/>
        </p:nvSpPr>
        <p:spPr>
          <a:xfrm>
            <a:off x="3897875" y="224754"/>
            <a:ext cx="4396200" cy="80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munikacijos strategijos skaitmeniniame švietime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15" name="Google Shape;415;p38"/>
          <p:cNvGrpSpPr/>
          <p:nvPr/>
        </p:nvGrpSpPr>
        <p:grpSpPr>
          <a:xfrm>
            <a:off x="5470048" y="1119045"/>
            <a:ext cx="1251876" cy="358096"/>
            <a:chOff x="5470062" y="1167647"/>
            <a:chExt cx="1251876" cy="358096"/>
          </a:xfrm>
        </p:grpSpPr>
        <p:sp>
          <p:nvSpPr>
            <p:cNvPr id="416" name="Google Shape;416;p38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17" name="Google Shape;417;p38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18" name="Google Shape;418;p38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19" name="Google Shape;419;p38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20" name="Google Shape;420;p38"/>
          <p:cNvSpPr txBox="1"/>
          <p:nvPr/>
        </p:nvSpPr>
        <p:spPr>
          <a:xfrm>
            <a:off x="390900" y="2024575"/>
            <a:ext cx="5705100" cy="326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-38735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500"/>
              <a:buFont typeface="Philosopher"/>
              <a:buAutoNum type="arabicPeriod"/>
            </a:pPr>
            <a:r>
              <a:rPr lang="cs-CZ" sz="2500" b="1">
                <a:latin typeface="Philosopher"/>
                <a:ea typeface="Philosopher"/>
                <a:cs typeface="Philosopher"/>
                <a:sym typeface="Philosopher"/>
              </a:rPr>
              <a:t>Aiškios instrukcijos:</a:t>
            </a:r>
            <a:r>
              <a:rPr lang="cs-CZ" sz="2500">
                <a:latin typeface="Philosopher"/>
                <a:ea typeface="Philosopher"/>
                <a:cs typeface="Philosopher"/>
                <a:sym typeface="Philosopher"/>
              </a:rPr>
              <a:t> svarbu pateikti aiškias ir glaustas mokymosi instrukcijas;</a:t>
            </a:r>
            <a:endParaRPr sz="25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87350" algn="l" rtl="0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SzPts val="2500"/>
              <a:buFont typeface="Philosopher"/>
              <a:buAutoNum type="arabicPeriod"/>
            </a:pPr>
            <a:r>
              <a:rPr lang="cs-CZ" sz="2500" b="1">
                <a:latin typeface="Philosopher"/>
                <a:ea typeface="Philosopher"/>
                <a:cs typeface="Philosopher"/>
                <a:sym typeface="Philosopher"/>
              </a:rPr>
              <a:t>Laiku suteiktas grįžtamasis ryšys:</a:t>
            </a:r>
            <a:r>
              <a:rPr lang="cs-CZ" sz="2500">
                <a:latin typeface="Philosopher"/>
                <a:ea typeface="Philosopher"/>
                <a:cs typeface="Philosopher"/>
                <a:sym typeface="Philosopher"/>
              </a:rPr>
              <a:t> grįžtamojo ryšio laikas ir vieta yra svarbūs besimokančiųjų motyvacijos ir pažangos palaikymui;</a:t>
            </a:r>
            <a:endParaRPr sz="2500" i="1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21" name="Google Shape;421;p38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5995325" y="1759925"/>
            <a:ext cx="5798777" cy="4756525"/>
          </a:xfrm>
          <a:prstGeom prst="rect">
            <a:avLst/>
          </a:prstGeom>
          <a:noFill/>
          <a:ln>
            <a:noFill/>
          </a:ln>
        </p:spPr>
      </p:pic>
      <p:pic>
        <p:nvPicPr>
          <p:cNvPr id="422" name="Google Shape;422;p38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2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27" name="Google Shape;427;p39"/>
          <p:cNvSpPr txBox="1"/>
          <p:nvPr/>
        </p:nvSpPr>
        <p:spPr>
          <a:xfrm>
            <a:off x="3897875" y="224754"/>
            <a:ext cx="4396200" cy="80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munikacijos strategijos skaitmeniniame švietime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28" name="Google Shape;428;p39"/>
          <p:cNvGrpSpPr/>
          <p:nvPr/>
        </p:nvGrpSpPr>
        <p:grpSpPr>
          <a:xfrm>
            <a:off x="5470048" y="1119045"/>
            <a:ext cx="1251984" cy="358200"/>
            <a:chOff x="5470062" y="1167647"/>
            <a:chExt cx="1251984" cy="358200"/>
          </a:xfrm>
        </p:grpSpPr>
        <p:sp>
          <p:nvSpPr>
            <p:cNvPr id="429" name="Google Shape;429;p3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30" name="Google Shape;430;p3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31" name="Google Shape;431;p3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32" name="Google Shape;432;p39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33" name="Google Shape;433;p39"/>
          <p:cNvSpPr txBox="1"/>
          <p:nvPr/>
        </p:nvSpPr>
        <p:spPr>
          <a:xfrm>
            <a:off x="6437100" y="2293600"/>
            <a:ext cx="5622300" cy="3388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. Interaktyvus turinys: </a:t>
            </a:r>
            <a:r>
              <a:rPr lang="cs-CZ" sz="25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teraktyvus turinys kaip: viktorinos, apklausos, diskusijos, gali padidinti susidomėjimą.</a:t>
            </a:r>
            <a:endParaRPr sz="25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. Multimedija:</a:t>
            </a:r>
            <a:r>
              <a:rPr lang="cs-CZ" sz="25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ateikite elementus, kurie padeda įvairiais būdais perteikti informaciją;</a:t>
            </a:r>
            <a:endParaRPr sz="25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5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r kiti…</a:t>
            </a:r>
            <a:endParaRPr sz="2500" i="1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34" name="Google Shape;434;p39"/>
          <p:cNvPicPr preferRelativeResize="0"/>
          <p:nvPr/>
        </p:nvPicPr>
        <p:blipFill>
          <a:blip r:embed="rId4">
            <a:alphaModFix amt="70000"/>
          </a:blip>
          <a:stretch>
            <a:fillRect/>
          </a:stretch>
        </p:blipFill>
        <p:spPr>
          <a:xfrm>
            <a:off x="613400" y="2154275"/>
            <a:ext cx="5403528" cy="3604337"/>
          </a:xfrm>
          <a:prstGeom prst="rect">
            <a:avLst/>
          </a:prstGeom>
          <a:noFill/>
          <a:ln>
            <a:noFill/>
          </a:ln>
        </p:spPr>
      </p:pic>
      <p:pic>
        <p:nvPicPr>
          <p:cNvPr id="435" name="Google Shape;435;p39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3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" name="Google Shape;440;p40"/>
          <p:cNvSpPr/>
          <p:nvPr/>
        </p:nvSpPr>
        <p:spPr>
          <a:xfrm>
            <a:off x="7728975" y="4571900"/>
            <a:ext cx="3642300" cy="14160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441" name="Google Shape;441;p40"/>
          <p:cNvSpPr txBox="1"/>
          <p:nvPr/>
        </p:nvSpPr>
        <p:spPr>
          <a:xfrm>
            <a:off x="1161963" y="172213"/>
            <a:ext cx="10209300" cy="1122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teraktyvi apklausa: </a:t>
            </a:r>
            <a:endParaRPr sz="22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ptarkite pageidaujamas komunikacijos priemones ir socialinės medijos platformas</a:t>
            </a:r>
            <a:endParaRPr sz="22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42" name="Google Shape;442;p40"/>
          <p:cNvGrpSpPr/>
          <p:nvPr/>
        </p:nvGrpSpPr>
        <p:grpSpPr>
          <a:xfrm>
            <a:off x="5640685" y="1194945"/>
            <a:ext cx="1251876" cy="358096"/>
            <a:chOff x="5470062" y="1167647"/>
            <a:chExt cx="1251876" cy="358096"/>
          </a:xfrm>
        </p:grpSpPr>
        <p:sp>
          <p:nvSpPr>
            <p:cNvPr id="443" name="Google Shape;443;p40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44" name="Google Shape;444;p40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45" name="Google Shape;445;p40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46" name="Google Shape;446;p40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47" name="Google Shape;447;p40"/>
          <p:cNvSpPr txBox="1"/>
          <p:nvPr/>
        </p:nvSpPr>
        <p:spPr>
          <a:xfrm>
            <a:off x="758325" y="4225800"/>
            <a:ext cx="6837600" cy="188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KLAUSIMAI: </a:t>
            </a:r>
            <a:endParaRPr sz="2000" b="1"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55600" algn="l" rtl="0"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○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Įvardinkite komunikacijos priemones, kuriomis galima sudominti besimokančiuosius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55600" algn="l" rtl="0"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○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Pasidalykite patirtimi, kaip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švietimo tikslais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naudoti socialinės medijos platformas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48" name="Google Shape;448;p40"/>
          <p:cNvPicPr preferRelativeResize="0"/>
          <p:nvPr/>
        </p:nvPicPr>
        <p:blipFill rotWithShape="1">
          <a:blip r:embed="rId4">
            <a:alphaModFix/>
          </a:blip>
          <a:srcRect l="13292" t="12820" r="12363" b="10820"/>
          <a:stretch/>
        </p:blipFill>
        <p:spPr>
          <a:xfrm>
            <a:off x="1986238" y="2438975"/>
            <a:ext cx="1186450" cy="1218625"/>
          </a:xfrm>
          <a:prstGeom prst="rect">
            <a:avLst/>
          </a:prstGeom>
          <a:noFill/>
          <a:ln>
            <a:noFill/>
          </a:ln>
        </p:spPr>
      </p:pic>
      <p:sp>
        <p:nvSpPr>
          <p:cNvPr id="449" name="Google Shape;449;p40"/>
          <p:cNvSpPr txBox="1"/>
          <p:nvPr/>
        </p:nvSpPr>
        <p:spPr>
          <a:xfrm>
            <a:off x="758325" y="3534838"/>
            <a:ext cx="3642300" cy="415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500" u="sng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5"/>
              </a:rPr>
              <a:t>https://www.mentimeter.com</a:t>
            </a:r>
            <a:endParaRPr sz="1500"/>
          </a:p>
        </p:txBody>
      </p:sp>
      <p:pic>
        <p:nvPicPr>
          <p:cNvPr id="450" name="Google Shape;450;p40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4173098" y="2549288"/>
            <a:ext cx="1841727" cy="626675"/>
          </a:xfrm>
          <a:prstGeom prst="rect">
            <a:avLst/>
          </a:prstGeom>
          <a:noFill/>
          <a:ln>
            <a:noFill/>
          </a:ln>
        </p:spPr>
      </p:pic>
      <p:sp>
        <p:nvSpPr>
          <p:cNvPr id="451" name="Google Shape;451;p40"/>
          <p:cNvSpPr txBox="1"/>
          <p:nvPr/>
        </p:nvSpPr>
        <p:spPr>
          <a:xfrm>
            <a:off x="3546550" y="3108375"/>
            <a:ext cx="3000000" cy="415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500" u="sng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7"/>
              </a:rPr>
              <a:t>https://kahoot.com</a:t>
            </a:r>
            <a:endParaRPr sz="1500"/>
          </a:p>
        </p:txBody>
      </p:sp>
      <p:pic>
        <p:nvPicPr>
          <p:cNvPr id="452" name="Google Shape;452;p40"/>
          <p:cNvPicPr preferRelativeResize="0"/>
          <p:nvPr/>
        </p:nvPicPr>
        <p:blipFill rotWithShape="1">
          <a:blip r:embed="rId8">
            <a:alphaModFix/>
          </a:blip>
          <a:srcRect l="24346" t="16673" r="23927" b="13997"/>
          <a:stretch/>
        </p:blipFill>
        <p:spPr>
          <a:xfrm>
            <a:off x="6766340" y="2345890"/>
            <a:ext cx="1320832" cy="1251651"/>
          </a:xfrm>
          <a:prstGeom prst="rect">
            <a:avLst/>
          </a:prstGeom>
          <a:noFill/>
          <a:ln>
            <a:noFill/>
          </a:ln>
        </p:spPr>
      </p:pic>
      <p:pic>
        <p:nvPicPr>
          <p:cNvPr id="453" name="Google Shape;453;p40"/>
          <p:cNvPicPr preferRelativeResize="0"/>
          <p:nvPr/>
        </p:nvPicPr>
        <p:blipFill rotWithShape="1">
          <a:blip r:embed="rId9">
            <a:alphaModFix/>
          </a:blip>
          <a:srcRect l="27703" t="12161" r="25237" b="9481"/>
          <a:stretch/>
        </p:blipFill>
        <p:spPr>
          <a:xfrm>
            <a:off x="9391539" y="2373125"/>
            <a:ext cx="1084245" cy="1218625"/>
          </a:xfrm>
          <a:prstGeom prst="rect">
            <a:avLst/>
          </a:prstGeom>
          <a:noFill/>
          <a:ln>
            <a:noFill/>
          </a:ln>
        </p:spPr>
      </p:pic>
      <p:sp>
        <p:nvSpPr>
          <p:cNvPr id="454" name="Google Shape;454;p40"/>
          <p:cNvSpPr txBox="1"/>
          <p:nvPr/>
        </p:nvSpPr>
        <p:spPr>
          <a:xfrm>
            <a:off x="8433663" y="3407413"/>
            <a:ext cx="3000000" cy="415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500" u="sng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10"/>
              </a:rPr>
              <a:t>https://jamboard.google.com</a:t>
            </a:r>
            <a:endParaRPr sz="1500"/>
          </a:p>
        </p:txBody>
      </p:sp>
      <p:sp>
        <p:nvSpPr>
          <p:cNvPr id="455" name="Google Shape;455;p40"/>
          <p:cNvSpPr txBox="1"/>
          <p:nvPr/>
        </p:nvSpPr>
        <p:spPr>
          <a:xfrm>
            <a:off x="6232888" y="3516063"/>
            <a:ext cx="2387700" cy="415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500" u="sng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11"/>
              </a:rPr>
              <a:t>https://padlet.com</a:t>
            </a:r>
            <a:endParaRPr sz="1500"/>
          </a:p>
        </p:txBody>
      </p:sp>
      <p:sp>
        <p:nvSpPr>
          <p:cNvPr id="456" name="Google Shape;456;p40"/>
          <p:cNvSpPr txBox="1"/>
          <p:nvPr/>
        </p:nvSpPr>
        <p:spPr>
          <a:xfrm>
            <a:off x="1523999" y="1804875"/>
            <a:ext cx="9144000" cy="492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Atsakymams naudokite:</a:t>
            </a:r>
            <a:r>
              <a:rPr lang="cs-CZ" sz="2000" i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Mentimeter, Kahoot, Padlet ar Jamboard ;</a:t>
            </a:r>
            <a:endParaRPr sz="1200" i="1">
              <a:solidFill>
                <a:schemeClr val="accent4"/>
              </a:solidFill>
            </a:endParaRPr>
          </a:p>
        </p:txBody>
      </p:sp>
      <p:sp>
        <p:nvSpPr>
          <p:cNvPr id="457" name="Google Shape;457;p40"/>
          <p:cNvSpPr txBox="1"/>
          <p:nvPr/>
        </p:nvSpPr>
        <p:spPr>
          <a:xfrm>
            <a:off x="7771725" y="4571900"/>
            <a:ext cx="3556800" cy="1416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000" i="1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Parodykite apklausos rezultatus ir trumpai padiskutuokite apie pastebėtus dėsningumus ir tendencijas.</a:t>
            </a:r>
            <a:endParaRPr i="1">
              <a:solidFill>
                <a:schemeClr val="lt1"/>
              </a:solidFill>
            </a:endParaRPr>
          </a:p>
        </p:txBody>
      </p:sp>
      <p:pic>
        <p:nvPicPr>
          <p:cNvPr id="458" name="Google Shape;458;p40"/>
          <p:cNvPicPr preferRelativeResize="0"/>
          <p:nvPr/>
        </p:nvPicPr>
        <p:blipFill>
          <a:blip r:embed="rId12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" name="Google Shape;65;p14"/>
          <p:cNvSpPr/>
          <p:nvPr/>
        </p:nvSpPr>
        <p:spPr>
          <a:xfrm>
            <a:off x="0" y="0"/>
            <a:ext cx="5486400" cy="6858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66" name="Google Shape;66;p14"/>
          <p:cNvSpPr txBox="1"/>
          <p:nvPr/>
        </p:nvSpPr>
        <p:spPr>
          <a:xfrm rot="-5400000">
            <a:off x="-116837" y="3198093"/>
            <a:ext cx="3122700" cy="46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URINIO LENTELĖ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7" name="Google Shape;67;p14"/>
          <p:cNvSpPr txBox="1"/>
          <p:nvPr/>
        </p:nvSpPr>
        <p:spPr>
          <a:xfrm>
            <a:off x="6745000" y="1745775"/>
            <a:ext cx="5486400" cy="68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1 sesija: Įvadas. Dalyvavimas skaitmeninėje aplinkoje;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8" name="Google Shape;68;p14"/>
          <p:cNvSpPr/>
          <p:nvPr/>
        </p:nvSpPr>
        <p:spPr>
          <a:xfrm rot="5400000">
            <a:off x="6435675" y="1822970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69" name="Google Shape;69;p14"/>
          <p:cNvSpPr txBox="1"/>
          <p:nvPr/>
        </p:nvSpPr>
        <p:spPr>
          <a:xfrm>
            <a:off x="6745001" y="4099592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5 sesija: Vertinimas ir grįžtamasis ryšys;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0" name="Google Shape;70;p14"/>
          <p:cNvSpPr/>
          <p:nvPr/>
        </p:nvSpPr>
        <p:spPr>
          <a:xfrm rot="5400000">
            <a:off x="6442213" y="2497652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71" name="Google Shape;71;p14"/>
          <p:cNvSpPr txBox="1"/>
          <p:nvPr/>
        </p:nvSpPr>
        <p:spPr>
          <a:xfrm>
            <a:off x="6814438" y="2396415"/>
            <a:ext cx="53475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2 sesija: Įtraukiančios mokymosi patirties kūrimas;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2" name="Google Shape;72;p14"/>
          <p:cNvSpPr/>
          <p:nvPr/>
        </p:nvSpPr>
        <p:spPr>
          <a:xfrm rot="5400000">
            <a:off x="6435675" y="3117179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73" name="Google Shape;73;p14"/>
          <p:cNvSpPr txBox="1"/>
          <p:nvPr/>
        </p:nvSpPr>
        <p:spPr>
          <a:xfrm>
            <a:off x="6744989" y="3047075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 sesija: Bendravimas ir sąveika;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4" name="Google Shape;74;p14"/>
          <p:cNvSpPr/>
          <p:nvPr/>
        </p:nvSpPr>
        <p:spPr>
          <a:xfrm rot="5400000">
            <a:off x="6442213" y="3690550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75" name="Google Shape;75;p14" descr="A picture containing yellow, person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26728" r="26728"/>
          <a:stretch/>
        </p:blipFill>
        <p:spPr>
          <a:xfrm>
            <a:off x="2100263" y="573088"/>
            <a:ext cx="3995737" cy="5711825"/>
          </a:xfrm>
          <a:prstGeom prst="rect">
            <a:avLst/>
          </a:prstGeom>
          <a:noFill/>
          <a:ln>
            <a:noFill/>
          </a:ln>
        </p:spPr>
      </p:pic>
      <p:pic>
        <p:nvPicPr>
          <p:cNvPr id="76" name="Google Shape;76;p14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198706" y="-127565"/>
            <a:ext cx="2386989" cy="1687495"/>
          </a:xfrm>
          <a:prstGeom prst="rect">
            <a:avLst/>
          </a:prstGeom>
          <a:noFill/>
          <a:ln>
            <a:noFill/>
          </a:ln>
        </p:spPr>
      </p:pic>
      <p:sp>
        <p:nvSpPr>
          <p:cNvPr id="77" name="Google Shape;77;p14"/>
          <p:cNvSpPr txBox="1"/>
          <p:nvPr/>
        </p:nvSpPr>
        <p:spPr>
          <a:xfrm>
            <a:off x="6745001" y="4527692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60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 sesija: Įsitraukimo strategijų pritaikymas: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8" name="Google Shape;78;p14"/>
          <p:cNvSpPr txBox="1"/>
          <p:nvPr/>
        </p:nvSpPr>
        <p:spPr>
          <a:xfrm>
            <a:off x="6745001" y="3602230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 sesija: Žaidimo momentai ir motyvacija;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9" name="Google Shape;79;p14"/>
          <p:cNvSpPr txBox="1"/>
          <p:nvPr/>
        </p:nvSpPr>
        <p:spPr>
          <a:xfrm>
            <a:off x="6745001" y="5071080"/>
            <a:ext cx="49542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just" rtl="0">
              <a:lnSpc>
                <a:spcPct val="115000"/>
              </a:lnSpc>
              <a:spcBef>
                <a:spcPts val="600"/>
              </a:spcBef>
              <a:spcAft>
                <a:spcPts val="6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UK, vertinimas ir išvados;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0" name="Google Shape;80;p14"/>
          <p:cNvSpPr/>
          <p:nvPr/>
        </p:nvSpPr>
        <p:spPr>
          <a:xfrm rot="5400000">
            <a:off x="6442213" y="4164850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1" name="Google Shape;81;p14"/>
          <p:cNvSpPr/>
          <p:nvPr/>
        </p:nvSpPr>
        <p:spPr>
          <a:xfrm rot="5400000">
            <a:off x="6442213" y="4639150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2" name="Google Shape;82;p14"/>
          <p:cNvSpPr/>
          <p:nvPr/>
        </p:nvSpPr>
        <p:spPr>
          <a:xfrm rot="5400000">
            <a:off x="6442213" y="5136325"/>
            <a:ext cx="276900" cy="238800"/>
          </a:xfrm>
          <a:prstGeom prst="triangle">
            <a:avLst>
              <a:gd name="adj" fmla="val 50000"/>
            </a:avLst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83" name="Google Shape;83;p14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6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63" name="Google Shape;463;p41"/>
          <p:cNvPicPr preferRelativeResize="0"/>
          <p:nvPr/>
        </p:nvPicPr>
        <p:blipFill rotWithShape="1">
          <a:blip r:embed="rId3">
            <a:alphaModFix amt="13000"/>
          </a:blip>
          <a:srcRect t="11984" b="14263"/>
          <a:stretch/>
        </p:blipFill>
        <p:spPr>
          <a:xfrm>
            <a:off x="0" y="10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464" name="Google Shape;464;p41"/>
          <p:cNvSpPr txBox="1"/>
          <p:nvPr/>
        </p:nvSpPr>
        <p:spPr>
          <a:xfrm>
            <a:off x="3912600" y="303625"/>
            <a:ext cx="4366800" cy="654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rupinė diskusija: dalijimasis patirtimi ir iššūkiais 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65" name="Google Shape;465;p41"/>
          <p:cNvGrpSpPr/>
          <p:nvPr/>
        </p:nvGrpSpPr>
        <p:grpSpPr>
          <a:xfrm>
            <a:off x="5470062" y="1015247"/>
            <a:ext cx="1251876" cy="358096"/>
            <a:chOff x="5470062" y="1167647"/>
            <a:chExt cx="1251876" cy="358096"/>
          </a:xfrm>
        </p:grpSpPr>
        <p:sp>
          <p:nvSpPr>
            <p:cNvPr id="466" name="Google Shape;466;p41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67" name="Google Shape;467;p41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68" name="Google Shape;468;p41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69" name="Google Shape;469;p41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470" name="Google Shape;470;p41"/>
          <p:cNvSpPr txBox="1"/>
          <p:nvPr/>
        </p:nvSpPr>
        <p:spPr>
          <a:xfrm>
            <a:off x="1527900" y="1764075"/>
            <a:ext cx="9918000" cy="3719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342900" marR="0" lvl="0" indent="-342900" algn="just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AutoNum type="arabicParenR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Dalyvius padalinkite į mažas grupes po </a:t>
            </a: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3</a:t>
            </a:r>
            <a:r>
              <a:rPr lang="cs-CZ" sz="2000" b="1" i="0" u="none" strike="noStrike" cap="non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-</a:t>
            </a: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4</a:t>
            </a:r>
            <a:r>
              <a:rPr lang="cs-CZ" sz="2000" b="1" i="0" u="none" strike="noStrike" cap="non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žmones</a:t>
            </a:r>
            <a:r>
              <a:rPr lang="cs-CZ" sz="2000" b="0" i="0" u="none" strike="noStrike" cap="none">
                <a:solidFill>
                  <a:srgbClr val="000000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2000" b="0" i="0" u="none" strike="noStrike" cap="non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342900" marR="0" lvl="0" indent="-342900" algn="just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AutoNum type="arabicParenR"/>
            </a:pPr>
            <a:r>
              <a:rPr lang="cs-CZ" sz="2000" b="1">
                <a:latin typeface="Philosopher"/>
                <a:ea typeface="Philosopher"/>
                <a:cs typeface="Philosopher"/>
                <a:sym typeface="Philosopher"/>
              </a:rPr>
              <a:t>Diskusijos KLAUSIMAI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AutoNum type="alphaLcParenR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Kokias socialinės medijos platformas naudojote besimokančiųjų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augusiųjų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įtraukimui? Kokie buvo rezultatai?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AutoNum type="alphaLcParenR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Kaip manote, kokios strategijos yra veiksmingos skatinant diskusijas ir ryšį socialinėje medijoje?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AutoNum type="alphaLcParenR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Kokie buvo sunkumai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umo didinimui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naudojant socialinę mediją? Kaip juos įveikėte?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0" algn="just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None/>
            </a:pPr>
            <a:endParaRPr sz="1600" b="0" i="1" u="none" strike="noStrike" cap="non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471" name="Google Shape;471;p41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7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6" name="Google Shape;476;p42"/>
          <p:cNvSpPr txBox="1"/>
          <p:nvPr/>
        </p:nvSpPr>
        <p:spPr>
          <a:xfrm>
            <a:off x="3071701" y="2632325"/>
            <a:ext cx="6048600" cy="627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  <a:t>Klausimai, atsakymai ir apibendrinimas</a:t>
            </a:r>
            <a:endParaRPr sz="25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477" name="Google Shape;477;p42"/>
          <p:cNvGrpSpPr/>
          <p:nvPr/>
        </p:nvGrpSpPr>
        <p:grpSpPr>
          <a:xfrm>
            <a:off x="5470012" y="3428997"/>
            <a:ext cx="1251984" cy="358200"/>
            <a:chOff x="5470062" y="1167647"/>
            <a:chExt cx="1251984" cy="358200"/>
          </a:xfrm>
        </p:grpSpPr>
        <p:sp>
          <p:nvSpPr>
            <p:cNvPr id="478" name="Google Shape;478;p4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79" name="Google Shape;479;p4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480" name="Google Shape;480;p4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481" name="Google Shape;481;p42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pic>
        <p:nvPicPr>
          <p:cNvPr id="482" name="Google Shape;482;p42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8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87" name="Google Shape;487;p43" descr="A person sitting at a desk with a computer and papers on it&#10;&#10;Description automatically generated with low confidence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0" y="-1"/>
            <a:ext cx="12192000" cy="6858001"/>
          </a:xfrm>
          <a:prstGeom prst="rect">
            <a:avLst/>
          </a:prstGeom>
          <a:noFill/>
          <a:ln>
            <a:noFill/>
          </a:ln>
        </p:spPr>
      </p:pic>
      <p:sp>
        <p:nvSpPr>
          <p:cNvPr id="488" name="Google Shape;488;p43"/>
          <p:cNvSpPr/>
          <p:nvPr/>
        </p:nvSpPr>
        <p:spPr>
          <a:xfrm>
            <a:off x="-264695" y="-270712"/>
            <a:ext cx="12721389" cy="7399421"/>
          </a:xfrm>
          <a:prstGeom prst="rect">
            <a:avLst/>
          </a:prstGeom>
          <a:gradFill>
            <a:gsLst>
              <a:gs pos="0">
                <a:srgbClr val="FFE77E">
                  <a:alpha val="0"/>
                </a:srgbClr>
              </a:gs>
              <a:gs pos="100000">
                <a:srgbClr val="FFEDB1"/>
              </a:gs>
            </a:gsLst>
            <a:path path="circle">
              <a:fillToRect l="50000" t="50000" r="50000" b="50000"/>
            </a:path>
            <a:tileRect/>
          </a:gradFill>
          <a:ln w="25400" cap="flat" cmpd="sng">
            <a:solidFill>
              <a:srgbClr val="FFE68F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1400" b="0" i="0" u="none" strike="noStrike" cap="none">
              <a:solidFill>
                <a:schemeClr val="lt1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489" name="Google Shape;489;p43"/>
          <p:cNvSpPr txBox="1"/>
          <p:nvPr/>
        </p:nvSpPr>
        <p:spPr>
          <a:xfrm>
            <a:off x="3839189" y="2051289"/>
            <a:ext cx="7014300" cy="110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66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PERTRAUKA</a:t>
            </a:r>
            <a:r>
              <a:rPr lang="cs-CZ" sz="6600" b="0" i="0" u="none" strike="noStrike" cap="non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!</a:t>
            </a:r>
            <a:endParaRPr sz="66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490" name="Google Shape;490;p43" descr="A picture containing logo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853446" y="74429"/>
            <a:ext cx="1338553" cy="946297"/>
          </a:xfrm>
          <a:prstGeom prst="rect">
            <a:avLst/>
          </a:prstGeom>
          <a:noFill/>
          <a:ln>
            <a:noFill/>
          </a:ln>
        </p:spPr>
      </p:pic>
      <p:pic>
        <p:nvPicPr>
          <p:cNvPr id="491" name="Google Shape;491;p43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9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6" name="Google Shape;496;p44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497" name="Google Shape;497;p44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2" r="14652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498" name="Google Shape;498;p44"/>
          <p:cNvSpPr txBox="1"/>
          <p:nvPr/>
        </p:nvSpPr>
        <p:spPr>
          <a:xfrm>
            <a:off x="5450555" y="1678900"/>
            <a:ext cx="12909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 sesija 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499" name="Google Shape;499;p44"/>
          <p:cNvSpPr txBox="1"/>
          <p:nvPr/>
        </p:nvSpPr>
        <p:spPr>
          <a:xfrm>
            <a:off x="3824077" y="463563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lang="cs-CZ" sz="20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Žaidimo motyvai ir motyvacija</a:t>
            </a:r>
            <a:endParaRPr sz="2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500" name="Google Shape;500;p44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0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5" name="Google Shape;505;p45"/>
          <p:cNvSpPr txBox="1"/>
          <p:nvPr/>
        </p:nvSpPr>
        <p:spPr>
          <a:xfrm>
            <a:off x="3822381" y="603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nkstesnės sesijos apibendrinimas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06" name="Google Shape;506;p45"/>
          <p:cNvGrpSpPr/>
          <p:nvPr/>
        </p:nvGrpSpPr>
        <p:grpSpPr>
          <a:xfrm>
            <a:off x="5394562" y="1360322"/>
            <a:ext cx="1251984" cy="358200"/>
            <a:chOff x="5470062" y="1167647"/>
            <a:chExt cx="1251984" cy="358200"/>
          </a:xfrm>
        </p:grpSpPr>
        <p:sp>
          <p:nvSpPr>
            <p:cNvPr id="507" name="Google Shape;507;p4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08" name="Google Shape;508;p4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09" name="Google Shape;509;p4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510" name="Google Shape;510;p45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11" name="Google Shape;511;p45"/>
          <p:cNvSpPr txBox="1"/>
          <p:nvPr/>
        </p:nvSpPr>
        <p:spPr>
          <a:xfrm>
            <a:off x="3429825" y="2606538"/>
            <a:ext cx="5181300" cy="985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Praeitoje sesijoje aptartos komunikacijos strategijos;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12" name="Google Shape;512;p45"/>
          <p:cNvSpPr txBox="1"/>
          <p:nvPr/>
        </p:nvSpPr>
        <p:spPr>
          <a:xfrm>
            <a:off x="5897225" y="4553425"/>
            <a:ext cx="5487600" cy="101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5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munikacijos ir ryšio svarba skaitmeniniame ugdyme.</a:t>
            </a:r>
            <a:endParaRPr sz="1200"/>
          </a:p>
        </p:txBody>
      </p:sp>
      <p:sp>
        <p:nvSpPr>
          <p:cNvPr id="513" name="Google Shape;513;p45"/>
          <p:cNvSpPr/>
          <p:nvPr/>
        </p:nvSpPr>
        <p:spPr>
          <a:xfrm>
            <a:off x="3822363" y="4261333"/>
            <a:ext cx="1979620" cy="1596069"/>
          </a:xfrm>
          <a:custGeom>
            <a:avLst/>
            <a:gdLst/>
            <a:ahLst/>
            <a:cxnLst/>
            <a:rect l="l" t="t" r="r" b="b"/>
            <a:pathLst>
              <a:path w="1979620" h="1596069" extrusionOk="0">
                <a:moveTo>
                  <a:pt x="0" y="0"/>
                </a:moveTo>
                <a:lnTo>
                  <a:pt x="1979620" y="0"/>
                </a:lnTo>
                <a:lnTo>
                  <a:pt x="1979620" y="1596069"/>
                </a:lnTo>
                <a:lnTo>
                  <a:pt x="0" y="1596069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514" name="Google Shape;514;p45"/>
          <p:cNvSpPr/>
          <p:nvPr/>
        </p:nvSpPr>
        <p:spPr>
          <a:xfrm>
            <a:off x="1406675" y="2421914"/>
            <a:ext cx="1861380" cy="1355084"/>
          </a:xfrm>
          <a:custGeom>
            <a:avLst/>
            <a:gdLst/>
            <a:ahLst/>
            <a:cxnLst/>
            <a:rect l="l" t="t" r="r" b="b"/>
            <a:pathLst>
              <a:path w="1751887" h="1191283" extrusionOk="0">
                <a:moveTo>
                  <a:pt x="0" y="0"/>
                </a:moveTo>
                <a:lnTo>
                  <a:pt x="1751887" y="0"/>
                </a:lnTo>
                <a:lnTo>
                  <a:pt x="1751887" y="1191283"/>
                </a:lnTo>
                <a:lnTo>
                  <a:pt x="0" y="119128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</p:sp>
      <p:pic>
        <p:nvPicPr>
          <p:cNvPr id="515" name="Google Shape;515;p45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0" name="Google Shape;520;p46"/>
          <p:cNvSpPr txBox="1"/>
          <p:nvPr/>
        </p:nvSpPr>
        <p:spPr>
          <a:xfrm>
            <a:off x="4078500" y="361178"/>
            <a:ext cx="4035000" cy="708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Žaidimo principai ir motyvacija(1)</a:t>
            </a:r>
            <a:endParaRPr sz="25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521" name="Google Shape;521;p46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22" name="Google Shape;522;p46"/>
          <p:cNvSpPr txBox="1"/>
          <p:nvPr/>
        </p:nvSpPr>
        <p:spPr>
          <a:xfrm>
            <a:off x="635925" y="2647950"/>
            <a:ext cx="7261200" cy="1015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1000"/>
              </a:spcAft>
              <a:buSzPts val="2000"/>
              <a:buFont typeface="Philosopher"/>
              <a:buChar char="-"/>
            </a:pPr>
            <a:r>
              <a:rPr lang="cs-CZ" sz="2000" b="1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Aiškūs tikslai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 suteikite tikslo ir krypties jausmą, motyvuojant besimokančiuosius siekti konkrečių rezultatų. Tikslų įgyvendinimas kelia pasididžiavimo jausmą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23" name="Google Shape;523;p46"/>
          <p:cNvSpPr txBox="1"/>
          <p:nvPr/>
        </p:nvSpPr>
        <p:spPr>
          <a:xfrm>
            <a:off x="2171550" y="1405750"/>
            <a:ext cx="8285700" cy="923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 i="1">
                <a:latin typeface="Philosopher"/>
                <a:ea typeface="Philosopher"/>
                <a:cs typeface="Philosopher"/>
                <a:sym typeface="Philosopher"/>
              </a:rPr>
              <a:t>Žaidimo momentų įtraukimas apima į žaidimą panašių elementų integravimą į ne žaidimo kontekstą, siekiant sustiprinti įsitraukimą ir motyvaciją. Štai pagrindiniai žaidimo principai ir jų įtaka besimokančiųjų motyvacijai:</a:t>
            </a:r>
            <a:endParaRPr sz="1800" i="1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24" name="Google Shape;524;p46"/>
          <p:cNvSpPr txBox="1"/>
          <p:nvPr/>
        </p:nvSpPr>
        <p:spPr>
          <a:xfrm>
            <a:off x="623250" y="5058450"/>
            <a:ext cx="7791000" cy="1200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4572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Greitas grįžtamasis ryšys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besimokantiems leidžia suvokti kaip jiems sekasi, skatina pozityvų mąstymą ir progreso sekimą. Tai padeda jiems jaustis labiau užtikrintais ir didina įsitraukimą. </a:t>
            </a:r>
            <a:endParaRPr sz="2000"/>
          </a:p>
        </p:txBody>
      </p:sp>
      <p:sp>
        <p:nvSpPr>
          <p:cNvPr id="525" name="Google Shape;525;p46"/>
          <p:cNvSpPr txBox="1"/>
          <p:nvPr/>
        </p:nvSpPr>
        <p:spPr>
          <a:xfrm>
            <a:off x="4794150" y="3760800"/>
            <a:ext cx="6855600" cy="1554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457200" lvl="0" indent="-355600" algn="r" rtl="0">
              <a:lnSpc>
                <a:spcPct val="115000"/>
              </a:lnSpc>
              <a:spcBef>
                <a:spcPts val="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Progresas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svarbus besimokančiųjų augimo ir meistriškumo troškimui. Tobulėjimas pasiekiant vis aukštesnius lygius sukuria pasididžiavimo jausmą ir skatina nuolatinį dalyvavimą</a:t>
            </a:r>
            <a:endParaRPr sz="2000"/>
          </a:p>
        </p:txBody>
      </p:sp>
      <p:sp>
        <p:nvSpPr>
          <p:cNvPr id="526" name="Google Shape;526;p46"/>
          <p:cNvSpPr/>
          <p:nvPr/>
        </p:nvSpPr>
        <p:spPr>
          <a:xfrm>
            <a:off x="2275800" y="1350963"/>
            <a:ext cx="8077200" cy="1015800"/>
          </a:xfrm>
          <a:prstGeom prst="rect">
            <a:avLst/>
          </a:prstGeom>
          <a:noFill/>
          <a:ln w="76200" cap="flat" cmpd="sng">
            <a:solidFill>
              <a:schemeClr val="accent1"/>
            </a:solidFill>
            <a:prstDash val="dot"/>
            <a:round/>
            <a:headEnd type="none" w="sm" len="sm"/>
            <a:tailEnd type="none" w="sm" len="sm"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22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527" name="Google Shape;527;p46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" name="Google Shape;532;p47"/>
          <p:cNvSpPr txBox="1"/>
          <p:nvPr/>
        </p:nvSpPr>
        <p:spPr>
          <a:xfrm>
            <a:off x="4078450" y="229128"/>
            <a:ext cx="4035000" cy="708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Žaidimo principai ir motyvacija (2)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33" name="Google Shape;533;p47"/>
          <p:cNvGrpSpPr/>
          <p:nvPr/>
        </p:nvGrpSpPr>
        <p:grpSpPr>
          <a:xfrm>
            <a:off x="5470060" y="1039589"/>
            <a:ext cx="1251876" cy="358096"/>
            <a:chOff x="5470062" y="1167647"/>
            <a:chExt cx="1251876" cy="358096"/>
          </a:xfrm>
        </p:grpSpPr>
        <p:sp>
          <p:nvSpPr>
            <p:cNvPr id="534" name="Google Shape;534;p47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35" name="Google Shape;535;p47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36" name="Google Shape;536;p47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537" name="Google Shape;537;p47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38" name="Google Shape;538;p47"/>
          <p:cNvSpPr txBox="1"/>
          <p:nvPr/>
        </p:nvSpPr>
        <p:spPr>
          <a:xfrm>
            <a:off x="722550" y="1654825"/>
            <a:ext cx="8892900" cy="4633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Konkurencija ir bendradarbiavimas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veika konkurencija skatina motyvaciją, besimokantieji pradeda norėti pranokti save ar kitus. Bendradarbiavimas ugdo bendruomeniškumo jausmą, stiprina motyvaciją per socialinę sąveiką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Apdovanojimais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teikite vidinę ir išorinę motyvaciją. Pastebėkite besimokančiųjų pastangas. Tai skatins didesnį įsitraukimą ir norą gauti daugiau apdovanojimų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Socialinė sąveika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skatina priklausymo ir bendruomeniškumo jausmą. Besimokantieji labiau įsitraukia, kai gali dalytis patirtimi, bendradarbiauti ir konkuruoti tarpusavyje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Iššūkiai ir staigmenos</a:t>
            </a:r>
            <a:r>
              <a:rPr lang="cs-CZ" sz="2000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žadinkite smalsumą ir susijaudinimą, užkirskite kelią monotonijai ir skatinkite ilgalaikį įsitraukimą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39" name="Google Shape;539;p47"/>
          <p:cNvSpPr/>
          <p:nvPr/>
        </p:nvSpPr>
        <p:spPr>
          <a:xfrm>
            <a:off x="10392963" y="2954675"/>
            <a:ext cx="675824" cy="948645"/>
          </a:xfrm>
          <a:custGeom>
            <a:avLst/>
            <a:gdLst/>
            <a:ahLst/>
            <a:cxnLst/>
            <a:rect l="l" t="t" r="r" b="b"/>
            <a:pathLst>
              <a:path w="997526" h="1448313" extrusionOk="0">
                <a:moveTo>
                  <a:pt x="0" y="0"/>
                </a:moveTo>
                <a:lnTo>
                  <a:pt x="997526" y="0"/>
                </a:lnTo>
                <a:lnTo>
                  <a:pt x="997526" y="1448313"/>
                </a:lnTo>
                <a:lnTo>
                  <a:pt x="0" y="144831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540" name="Google Shape;540;p47"/>
          <p:cNvSpPr/>
          <p:nvPr/>
        </p:nvSpPr>
        <p:spPr>
          <a:xfrm>
            <a:off x="10170913" y="4128937"/>
            <a:ext cx="1119934" cy="1025513"/>
          </a:xfrm>
          <a:custGeom>
            <a:avLst/>
            <a:gdLst/>
            <a:ahLst/>
            <a:cxnLst/>
            <a:rect l="l" t="t" r="r" b="b"/>
            <a:pathLst>
              <a:path w="1566341" h="1429286" extrusionOk="0">
                <a:moveTo>
                  <a:pt x="0" y="0"/>
                </a:moveTo>
                <a:lnTo>
                  <a:pt x="1566341" y="0"/>
                </a:lnTo>
                <a:lnTo>
                  <a:pt x="1566341" y="1429286"/>
                </a:lnTo>
                <a:lnTo>
                  <a:pt x="0" y="1429286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541" name="Google Shape;541;p47"/>
          <p:cNvSpPr/>
          <p:nvPr/>
        </p:nvSpPr>
        <p:spPr>
          <a:xfrm>
            <a:off x="10181488" y="5401275"/>
            <a:ext cx="1098788" cy="1025538"/>
          </a:xfrm>
          <a:custGeom>
            <a:avLst/>
            <a:gdLst/>
            <a:ahLst/>
            <a:cxnLst/>
            <a:rect l="l" t="t" r="r" b="b"/>
            <a:pathLst>
              <a:path w="1323841" h="1559754" extrusionOk="0">
                <a:moveTo>
                  <a:pt x="0" y="0"/>
                </a:moveTo>
                <a:lnTo>
                  <a:pt x="1323841" y="0"/>
                </a:lnTo>
                <a:lnTo>
                  <a:pt x="1323841" y="1559754"/>
                </a:lnTo>
                <a:lnTo>
                  <a:pt x="0" y="1559754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6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542" name="Google Shape;542;p47"/>
          <p:cNvSpPr/>
          <p:nvPr/>
        </p:nvSpPr>
        <p:spPr>
          <a:xfrm>
            <a:off x="10210864" y="1654824"/>
            <a:ext cx="1039999" cy="1024399"/>
          </a:xfrm>
          <a:custGeom>
            <a:avLst/>
            <a:gdLst/>
            <a:ahLst/>
            <a:cxnLst/>
            <a:rect l="l" t="t" r="r" b="b"/>
            <a:pathLst>
              <a:path w="1400672" h="1379662" extrusionOk="0">
                <a:moveTo>
                  <a:pt x="0" y="0"/>
                </a:moveTo>
                <a:lnTo>
                  <a:pt x="1400672" y="0"/>
                </a:lnTo>
                <a:lnTo>
                  <a:pt x="1400672" y="1379661"/>
                </a:lnTo>
                <a:lnTo>
                  <a:pt x="0" y="1379661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7">
              <a:alphaModFix/>
            </a:blip>
            <a:stretch>
              <a:fillRect/>
            </a:stretch>
          </a:blipFill>
          <a:ln>
            <a:noFill/>
          </a:ln>
        </p:spPr>
      </p:sp>
      <p:pic>
        <p:nvPicPr>
          <p:cNvPr id="543" name="Google Shape;543;p47"/>
          <p:cNvPicPr preferRelativeResize="0"/>
          <p:nvPr/>
        </p:nvPicPr>
        <p:blipFill>
          <a:blip r:embed="rId8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4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8" name="Google Shape;548;p48"/>
          <p:cNvSpPr txBox="1"/>
          <p:nvPr/>
        </p:nvSpPr>
        <p:spPr>
          <a:xfrm>
            <a:off x="4078450" y="229124"/>
            <a:ext cx="4035000" cy="106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Žaidimo principai ir motyvacija (3)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49" name="Google Shape;549;p48"/>
          <p:cNvGrpSpPr/>
          <p:nvPr/>
        </p:nvGrpSpPr>
        <p:grpSpPr>
          <a:xfrm>
            <a:off x="5470060" y="1039589"/>
            <a:ext cx="1251876" cy="358096"/>
            <a:chOff x="5470062" y="1167647"/>
            <a:chExt cx="1251876" cy="358096"/>
          </a:xfrm>
        </p:grpSpPr>
        <p:sp>
          <p:nvSpPr>
            <p:cNvPr id="550" name="Google Shape;550;p48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51" name="Google Shape;551;p48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52" name="Google Shape;552;p48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553" name="Google Shape;553;p48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554" name="Google Shape;554;p48"/>
          <p:cNvSpPr txBox="1"/>
          <p:nvPr/>
        </p:nvSpPr>
        <p:spPr>
          <a:xfrm>
            <a:off x="1971025" y="1908750"/>
            <a:ext cx="9442200" cy="3555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-"/>
            </a:pPr>
            <a:r>
              <a:rPr lang="cs-CZ" sz="2000" b="1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Personalizavimas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 skirtas individualiems pageidavimams, skatina savarankiškumo jausmą. Laisvas mokymosi būdo pasirinkimas besimokantiems suteikia galių ir padidina jų investicijas į mokymosi procesą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-"/>
            </a:pPr>
            <a:r>
              <a:rPr lang="cs-CZ" sz="2000" b="1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Įtraukiantis istorijų pasakojimas</a:t>
            </a:r>
            <a:r>
              <a:rPr lang="cs-CZ" sz="2000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 istorijos kuria emocinį ryšį. Įtraukiantis pasakojimas gali paskatinti gilesnį įsitraukimą ir sustiprinti aktualumo jausmą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SzPts val="2000"/>
              <a:buFont typeface="Philosopher"/>
              <a:buChar char="-"/>
            </a:pPr>
            <a:r>
              <a:rPr lang="cs-CZ" sz="2000" b="1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Pasiekimų ir geriausiųjų sąrašai:</a:t>
            </a:r>
            <a:r>
              <a:rPr lang="cs-CZ" sz="2000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viešas pasiekimų pripažinimas ir matomumas skatina besimokančius tobulėti ir konkuruoti. Pirmaujančiųjų sąrašai skatina norą būti viršuje ir prisidėti prie ilgalaikio įsitraukimo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00000"/>
              </a:lnSpc>
              <a:spcBef>
                <a:spcPts val="1000"/>
              </a:spcBef>
              <a:spcAft>
                <a:spcPts val="1000"/>
              </a:spcAft>
              <a:buSzPts val="2000"/>
              <a:buFont typeface="Philosopher"/>
              <a:buChar char="-"/>
            </a:pPr>
            <a:r>
              <a:rPr lang="cs-CZ" sz="2000" b="1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Žaismingumas</a:t>
            </a:r>
            <a:r>
              <a:rPr lang="cs-CZ" sz="2000"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daro mokymosi procesą maloniu. Linksmos akimirkos sukuria teigiamas emocijas, prisideda prie stipresnės motyvacijos.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55" name="Google Shape;555;p48"/>
          <p:cNvSpPr/>
          <p:nvPr/>
        </p:nvSpPr>
        <p:spPr>
          <a:xfrm>
            <a:off x="1173116" y="1743875"/>
            <a:ext cx="714156" cy="816178"/>
          </a:xfrm>
          <a:custGeom>
            <a:avLst/>
            <a:gdLst/>
            <a:ahLst/>
            <a:cxnLst/>
            <a:rect l="l" t="t" r="r" b="b"/>
            <a:pathLst>
              <a:path w="1366806" h="1562064" extrusionOk="0">
                <a:moveTo>
                  <a:pt x="0" y="0"/>
                </a:moveTo>
                <a:lnTo>
                  <a:pt x="1366806" y="0"/>
                </a:lnTo>
                <a:lnTo>
                  <a:pt x="1366806" y="1562063"/>
                </a:lnTo>
                <a:lnTo>
                  <a:pt x="0" y="156206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556" name="Google Shape;556;p48"/>
          <p:cNvSpPr/>
          <p:nvPr/>
        </p:nvSpPr>
        <p:spPr>
          <a:xfrm>
            <a:off x="1067427" y="3763199"/>
            <a:ext cx="925523" cy="925523"/>
          </a:xfrm>
          <a:custGeom>
            <a:avLst/>
            <a:gdLst/>
            <a:ahLst/>
            <a:cxnLst/>
            <a:rect l="l" t="t" r="r" b="b"/>
            <a:pathLst>
              <a:path w="1562064" h="1562064" extrusionOk="0">
                <a:moveTo>
                  <a:pt x="0" y="0"/>
                </a:moveTo>
                <a:lnTo>
                  <a:pt x="1562064" y="0"/>
                </a:lnTo>
                <a:lnTo>
                  <a:pt x="1562064" y="1562063"/>
                </a:lnTo>
                <a:lnTo>
                  <a:pt x="0" y="1562063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557" name="Google Shape;557;p48"/>
          <p:cNvSpPr/>
          <p:nvPr/>
        </p:nvSpPr>
        <p:spPr>
          <a:xfrm>
            <a:off x="961259" y="2827386"/>
            <a:ext cx="1137859" cy="668492"/>
          </a:xfrm>
          <a:custGeom>
            <a:avLst/>
            <a:gdLst/>
            <a:ahLst/>
            <a:cxnLst/>
            <a:rect l="l" t="t" r="r" b="b"/>
            <a:pathLst>
              <a:path w="1482553" h="871000" extrusionOk="0">
                <a:moveTo>
                  <a:pt x="0" y="0"/>
                </a:moveTo>
                <a:lnTo>
                  <a:pt x="1482554" y="0"/>
                </a:lnTo>
                <a:lnTo>
                  <a:pt x="1482554" y="871000"/>
                </a:lnTo>
                <a:lnTo>
                  <a:pt x="0" y="87100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6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558" name="Google Shape;558;p48"/>
          <p:cNvSpPr/>
          <p:nvPr/>
        </p:nvSpPr>
        <p:spPr>
          <a:xfrm>
            <a:off x="1124752" y="4956039"/>
            <a:ext cx="810863" cy="816116"/>
          </a:xfrm>
          <a:custGeom>
            <a:avLst/>
            <a:gdLst/>
            <a:ahLst/>
            <a:cxnLst/>
            <a:rect l="l" t="t" r="r" b="b"/>
            <a:pathLst>
              <a:path w="1522747" h="1511326" extrusionOk="0">
                <a:moveTo>
                  <a:pt x="0" y="0"/>
                </a:moveTo>
                <a:lnTo>
                  <a:pt x="1522747" y="0"/>
                </a:lnTo>
                <a:lnTo>
                  <a:pt x="1522747" y="1511327"/>
                </a:lnTo>
                <a:lnTo>
                  <a:pt x="0" y="1511327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7">
              <a:alphaModFix/>
            </a:blip>
            <a:stretch>
              <a:fillRect/>
            </a:stretch>
          </a:blipFill>
          <a:ln>
            <a:noFill/>
          </a:ln>
        </p:spPr>
      </p:sp>
      <p:pic>
        <p:nvPicPr>
          <p:cNvPr id="559" name="Google Shape;559;p48"/>
          <p:cNvPicPr preferRelativeResize="0"/>
          <p:nvPr/>
        </p:nvPicPr>
        <p:blipFill>
          <a:blip r:embed="rId8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6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4" name="Google Shape;564;p49"/>
          <p:cNvSpPr txBox="1"/>
          <p:nvPr/>
        </p:nvSpPr>
        <p:spPr>
          <a:xfrm>
            <a:off x="3644725" y="199500"/>
            <a:ext cx="6640200" cy="772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ažos grupės veikla:</a:t>
            </a:r>
            <a:b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kymosi veiklos kūrimas naudojant žaidimo elementus</a:t>
            </a:r>
            <a:endParaRPr sz="20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65" name="Google Shape;565;p49"/>
          <p:cNvGrpSpPr/>
          <p:nvPr/>
        </p:nvGrpSpPr>
        <p:grpSpPr>
          <a:xfrm>
            <a:off x="9050947" y="1012929"/>
            <a:ext cx="1060214" cy="205511"/>
            <a:chOff x="5470062" y="1167647"/>
            <a:chExt cx="1251876" cy="358096"/>
          </a:xfrm>
        </p:grpSpPr>
        <p:sp>
          <p:nvSpPr>
            <p:cNvPr id="566" name="Google Shape;566;p49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67" name="Google Shape;567;p49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68" name="Google Shape;568;p49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cxnSp>
        <p:nvCxnSpPr>
          <p:cNvPr id="569" name="Google Shape;569;p49"/>
          <p:cNvCxnSpPr/>
          <p:nvPr/>
        </p:nvCxnSpPr>
        <p:spPr>
          <a:xfrm>
            <a:off x="2049119" y="2098055"/>
            <a:ext cx="1529400" cy="0"/>
          </a:xfrm>
          <a:prstGeom prst="straightConnector1">
            <a:avLst/>
          </a:prstGeom>
          <a:noFill/>
          <a:ln w="25400" cap="flat" cmpd="sng">
            <a:solidFill>
              <a:schemeClr val="accent1"/>
            </a:solidFill>
            <a:prstDash val="solid"/>
            <a:miter lim="800000"/>
            <a:headEnd type="none" w="sm" len="sm"/>
            <a:tailEnd type="none" w="sm" len="sm"/>
          </a:ln>
        </p:spPr>
      </p:cxnSp>
      <p:grpSp>
        <p:nvGrpSpPr>
          <p:cNvPr id="570" name="Google Shape;570;p49"/>
          <p:cNvGrpSpPr/>
          <p:nvPr/>
        </p:nvGrpSpPr>
        <p:grpSpPr>
          <a:xfrm>
            <a:off x="1061926" y="1191303"/>
            <a:ext cx="1692942" cy="1708221"/>
            <a:chOff x="1550838" y="735710"/>
            <a:chExt cx="2648118" cy="2456105"/>
          </a:xfrm>
        </p:grpSpPr>
        <p:sp>
          <p:nvSpPr>
            <p:cNvPr id="571" name="Google Shape;571;p49"/>
            <p:cNvSpPr/>
            <p:nvPr/>
          </p:nvSpPr>
          <p:spPr>
            <a:xfrm rot="1084574">
              <a:off x="1787936" y="1026727"/>
              <a:ext cx="2173922" cy="1874072"/>
            </a:xfrm>
            <a:prstGeom prst="triangle">
              <a:avLst>
                <a:gd name="adj" fmla="val 50000"/>
              </a:avLst>
            </a:prstGeom>
            <a:noFill/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72" name="Google Shape;572;p49"/>
            <p:cNvSpPr/>
            <p:nvPr/>
          </p:nvSpPr>
          <p:spPr>
            <a:xfrm rot="400104">
              <a:off x="1787936" y="1026728"/>
              <a:ext cx="2173922" cy="1874072"/>
            </a:xfrm>
            <a:prstGeom prst="triangle">
              <a:avLst>
                <a:gd name="adj" fmla="val 50000"/>
              </a:avLst>
            </a:prstGeom>
            <a:solidFill>
              <a:schemeClr val="lt1"/>
            </a:solidFill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73" name="Google Shape;573;p49"/>
          <p:cNvSpPr txBox="1"/>
          <p:nvPr/>
        </p:nvSpPr>
        <p:spPr>
          <a:xfrm>
            <a:off x="1363891" y="1822280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4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lang="cs-CZ" sz="36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1</a:t>
            </a:r>
            <a:endParaRPr sz="36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74" name="Google Shape;574;p49"/>
          <p:cNvSpPr txBox="1"/>
          <p:nvPr/>
        </p:nvSpPr>
        <p:spPr>
          <a:xfrm>
            <a:off x="310925" y="2912875"/>
            <a:ext cx="2452500" cy="33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600" b="1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Scenarijaus pristatymas</a:t>
            </a:r>
            <a:endParaRPr sz="1200" b="0" i="0" u="none" strike="noStrike" cap="non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75" name="Google Shape;575;p49"/>
          <p:cNvSpPr txBox="1"/>
          <p:nvPr/>
        </p:nvSpPr>
        <p:spPr>
          <a:xfrm>
            <a:off x="302350" y="3263500"/>
            <a:ext cx="2384400" cy="2640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latin typeface="Roboto"/>
                <a:ea typeface="Roboto"/>
                <a:cs typeface="Roboto"/>
                <a:sym typeface="Roboto"/>
              </a:rPr>
              <a:t>Vedėjas pristato hipotetinį mokymosi scenarijų, susijusį su seminaro tema.</a:t>
            </a:r>
            <a:endParaRPr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latin typeface="Roboto"/>
                <a:ea typeface="Roboto"/>
                <a:cs typeface="Roboto"/>
                <a:sym typeface="Roboto"/>
              </a:rPr>
              <a:t>Pavyzdžiui, kurti žaismingą veiklą nuotoliniam kalbų mokymosi kursui.</a:t>
            </a:r>
            <a:endParaRPr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76" name="Google Shape;576;p49"/>
          <p:cNvSpPr txBox="1"/>
          <p:nvPr/>
        </p:nvSpPr>
        <p:spPr>
          <a:xfrm>
            <a:off x="2550871" y="2912872"/>
            <a:ext cx="2384400" cy="33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600" b="1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Žaidimo elementai</a:t>
            </a:r>
            <a:endParaRPr sz="1600" b="1">
              <a:solidFill>
                <a:schemeClr val="dk1"/>
              </a:solidFill>
              <a:highlight>
                <a:srgbClr val="FFE68F"/>
              </a:highlight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577" name="Google Shape;577;p49"/>
          <p:cNvSpPr txBox="1"/>
          <p:nvPr/>
        </p:nvSpPr>
        <p:spPr>
          <a:xfrm>
            <a:off x="2614975" y="3229025"/>
            <a:ext cx="2384400" cy="2516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Vedėjas suteikia grupėms skirtingus elementus, kuriuos galima įtraukti į jų veiklos planus. Pavyzdžiai gali būti: taškai, ženkleliai, lygiai, lyderių lentelės ir apdovanojimai.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78" name="Google Shape;578;p49"/>
          <p:cNvSpPr txBox="1"/>
          <p:nvPr/>
        </p:nvSpPr>
        <p:spPr>
          <a:xfrm>
            <a:off x="4899084" y="2898572"/>
            <a:ext cx="2384400" cy="33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600" b="1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Dizaino vairantai</a:t>
            </a:r>
            <a:endParaRPr sz="1200" b="0" i="0" u="none" strike="noStrike" cap="non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79" name="Google Shape;579;p49"/>
          <p:cNvSpPr txBox="1"/>
          <p:nvPr/>
        </p:nvSpPr>
        <p:spPr>
          <a:xfrm>
            <a:off x="4935275" y="3206850"/>
            <a:ext cx="2452500" cy="328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Kurkite užduotis ar iššūkius, atitinkančius mokymosi scenarijų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Nuspręskite, kaip dalyviai gali uždirbti taškų ar ženklelių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Nustatykitei, kaip bus struktūrizuoti lygiai arba fiksuojamas progresas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Apibrėžkite atlygį, kuris motyvuoja dalyvauti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Apsvarstykite norimą veiklos trukmę ir tempą.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580" name="Google Shape;580;p49"/>
          <p:cNvSpPr txBox="1"/>
          <p:nvPr/>
        </p:nvSpPr>
        <p:spPr>
          <a:xfrm>
            <a:off x="7268200" y="2885150"/>
            <a:ext cx="2247900" cy="33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600" b="1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Taisyklės ir mechanika</a:t>
            </a:r>
            <a:endParaRPr sz="1200" b="0" i="0" u="none" strike="noStrike" cap="non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581" name="Google Shape;581;p49"/>
          <p:cNvSpPr txBox="1"/>
          <p:nvPr/>
        </p:nvSpPr>
        <p:spPr>
          <a:xfrm>
            <a:off x="9670500" y="3219400"/>
            <a:ext cx="2247900" cy="2786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Pristatykite scenarijų ir kontekstą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Paaiškinkite pasirinktus žaidimo elementus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Apibūdinkite veiklos taisykles ir mechaniką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Aptarkite, kaip bus skatinamas įsitraukimas ir motyvacija;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- Pasidalykite laukiamais rezultatais ir nauda.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582" name="Google Shape;582;p49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701663" y="-38388"/>
            <a:ext cx="1728147" cy="1221723"/>
          </a:xfrm>
          <a:prstGeom prst="rect">
            <a:avLst/>
          </a:prstGeom>
          <a:noFill/>
          <a:ln>
            <a:noFill/>
          </a:ln>
        </p:spPr>
      </p:pic>
      <p:sp>
        <p:nvSpPr>
          <p:cNvPr id="583" name="Google Shape;583;p49"/>
          <p:cNvSpPr txBox="1"/>
          <p:nvPr/>
        </p:nvSpPr>
        <p:spPr>
          <a:xfrm>
            <a:off x="270696" y="931825"/>
            <a:ext cx="5673900" cy="354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-336550" algn="just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700"/>
              <a:buFont typeface="Philosopher"/>
              <a:buChar char="-"/>
            </a:pPr>
            <a:r>
              <a:rPr lang="cs-CZ" sz="1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alyvius padalinkite į mažas grupes po</a:t>
            </a:r>
            <a:r>
              <a:rPr lang="cs-CZ" sz="1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3-4 žmones</a:t>
            </a:r>
            <a:r>
              <a:rPr lang="cs-CZ" sz="1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</a:t>
            </a:r>
            <a:endParaRPr sz="1900" b="0" i="0" u="none" strike="noStrike" cap="none">
              <a:solidFill>
                <a:srgbClr val="000000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584" name="Google Shape;584;p49"/>
          <p:cNvCxnSpPr/>
          <p:nvPr/>
        </p:nvCxnSpPr>
        <p:spPr>
          <a:xfrm>
            <a:off x="4267094" y="2086368"/>
            <a:ext cx="1529400" cy="0"/>
          </a:xfrm>
          <a:prstGeom prst="straightConnector1">
            <a:avLst/>
          </a:prstGeom>
          <a:noFill/>
          <a:ln w="25400" cap="flat" cmpd="sng">
            <a:solidFill>
              <a:schemeClr val="accent1"/>
            </a:solidFill>
            <a:prstDash val="solid"/>
            <a:miter lim="800000"/>
            <a:headEnd type="none" w="sm" len="sm"/>
            <a:tailEnd type="none" w="sm" len="sm"/>
          </a:ln>
        </p:spPr>
      </p:cxnSp>
      <p:grpSp>
        <p:nvGrpSpPr>
          <p:cNvPr id="585" name="Google Shape;585;p49"/>
          <p:cNvGrpSpPr/>
          <p:nvPr/>
        </p:nvGrpSpPr>
        <p:grpSpPr>
          <a:xfrm>
            <a:off x="3279959" y="1179616"/>
            <a:ext cx="1692930" cy="1708218"/>
            <a:chOff x="1550929" y="735710"/>
            <a:chExt cx="2648100" cy="2456100"/>
          </a:xfrm>
        </p:grpSpPr>
        <p:sp>
          <p:nvSpPr>
            <p:cNvPr id="586" name="Google Shape;586;p49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name="adj" fmla="val 50000"/>
              </a:avLst>
            </a:prstGeom>
            <a:noFill/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87" name="Google Shape;587;p49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name="adj" fmla="val 50000"/>
              </a:avLst>
            </a:prstGeom>
            <a:solidFill>
              <a:schemeClr val="lt1"/>
            </a:solidFill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88" name="Google Shape;588;p49"/>
          <p:cNvSpPr txBox="1"/>
          <p:nvPr/>
        </p:nvSpPr>
        <p:spPr>
          <a:xfrm>
            <a:off x="3581866" y="1810593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4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lang="cs-CZ" sz="36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</a:t>
            </a:r>
            <a:r>
              <a:rPr lang="cs-CZ" sz="36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2</a:t>
            </a:r>
            <a:endParaRPr sz="36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589" name="Google Shape;589;p49"/>
          <p:cNvCxnSpPr/>
          <p:nvPr/>
        </p:nvCxnSpPr>
        <p:spPr>
          <a:xfrm>
            <a:off x="6460544" y="2051330"/>
            <a:ext cx="1529400" cy="0"/>
          </a:xfrm>
          <a:prstGeom prst="straightConnector1">
            <a:avLst/>
          </a:prstGeom>
          <a:noFill/>
          <a:ln w="25400" cap="flat" cmpd="sng">
            <a:solidFill>
              <a:schemeClr val="accent1"/>
            </a:solidFill>
            <a:prstDash val="solid"/>
            <a:miter lim="800000"/>
            <a:headEnd type="none" w="sm" len="sm"/>
            <a:tailEnd type="none" w="sm" len="sm"/>
          </a:ln>
        </p:spPr>
      </p:cxnSp>
      <p:grpSp>
        <p:nvGrpSpPr>
          <p:cNvPr id="590" name="Google Shape;590;p49"/>
          <p:cNvGrpSpPr/>
          <p:nvPr/>
        </p:nvGrpSpPr>
        <p:grpSpPr>
          <a:xfrm>
            <a:off x="5473409" y="1144578"/>
            <a:ext cx="1692930" cy="1708218"/>
            <a:chOff x="1550929" y="735710"/>
            <a:chExt cx="2648100" cy="2456100"/>
          </a:xfrm>
        </p:grpSpPr>
        <p:sp>
          <p:nvSpPr>
            <p:cNvPr id="591" name="Google Shape;591;p49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name="adj" fmla="val 50000"/>
              </a:avLst>
            </a:prstGeom>
            <a:noFill/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92" name="Google Shape;592;p49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name="adj" fmla="val 50000"/>
              </a:avLst>
            </a:prstGeom>
            <a:solidFill>
              <a:schemeClr val="lt1"/>
            </a:solidFill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93" name="Google Shape;593;p49"/>
          <p:cNvSpPr txBox="1"/>
          <p:nvPr/>
        </p:nvSpPr>
        <p:spPr>
          <a:xfrm>
            <a:off x="5775316" y="1775555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4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lang="cs-CZ" sz="36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</a:t>
            </a:r>
            <a:r>
              <a:rPr lang="cs-CZ" sz="36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</a:t>
            </a:r>
            <a:endParaRPr sz="36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594" name="Google Shape;594;p49"/>
          <p:cNvCxnSpPr/>
          <p:nvPr/>
        </p:nvCxnSpPr>
        <p:spPr>
          <a:xfrm>
            <a:off x="8603819" y="2086368"/>
            <a:ext cx="1529400" cy="0"/>
          </a:xfrm>
          <a:prstGeom prst="straightConnector1">
            <a:avLst/>
          </a:prstGeom>
          <a:noFill/>
          <a:ln w="25400" cap="flat" cmpd="sng">
            <a:solidFill>
              <a:schemeClr val="accent1"/>
            </a:solidFill>
            <a:prstDash val="solid"/>
            <a:miter lim="800000"/>
            <a:headEnd type="none" w="sm" len="sm"/>
            <a:tailEnd type="none" w="sm" len="sm"/>
          </a:ln>
        </p:spPr>
      </p:cxnSp>
      <p:grpSp>
        <p:nvGrpSpPr>
          <p:cNvPr id="595" name="Google Shape;595;p49"/>
          <p:cNvGrpSpPr/>
          <p:nvPr/>
        </p:nvGrpSpPr>
        <p:grpSpPr>
          <a:xfrm>
            <a:off x="7616684" y="1179616"/>
            <a:ext cx="1692930" cy="1708218"/>
            <a:chOff x="1550929" y="735710"/>
            <a:chExt cx="2648100" cy="2456100"/>
          </a:xfrm>
        </p:grpSpPr>
        <p:sp>
          <p:nvSpPr>
            <p:cNvPr id="596" name="Google Shape;596;p49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name="adj" fmla="val 50000"/>
              </a:avLst>
            </a:prstGeom>
            <a:noFill/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597" name="Google Shape;597;p49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name="adj" fmla="val 50000"/>
              </a:avLst>
            </a:prstGeom>
            <a:solidFill>
              <a:schemeClr val="lt1"/>
            </a:solidFill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598" name="Google Shape;598;p49"/>
          <p:cNvSpPr txBox="1"/>
          <p:nvPr/>
        </p:nvSpPr>
        <p:spPr>
          <a:xfrm>
            <a:off x="7918591" y="1810593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4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lang="cs-CZ" sz="36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</a:t>
            </a:r>
            <a:r>
              <a:rPr lang="cs-CZ" sz="36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</a:t>
            </a:r>
            <a:endParaRPr sz="36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599" name="Google Shape;599;p49"/>
          <p:cNvGrpSpPr/>
          <p:nvPr/>
        </p:nvGrpSpPr>
        <p:grpSpPr>
          <a:xfrm>
            <a:off x="9757084" y="1183166"/>
            <a:ext cx="1692930" cy="1708218"/>
            <a:chOff x="1550929" y="735710"/>
            <a:chExt cx="2648100" cy="2456100"/>
          </a:xfrm>
        </p:grpSpPr>
        <p:sp>
          <p:nvSpPr>
            <p:cNvPr id="600" name="Google Shape;600;p49"/>
            <p:cNvSpPr/>
            <p:nvPr/>
          </p:nvSpPr>
          <p:spPr>
            <a:xfrm rot="1084344">
              <a:off x="1788003" y="1026680"/>
              <a:ext cx="2173951" cy="1874161"/>
            </a:xfrm>
            <a:prstGeom prst="triangle">
              <a:avLst>
                <a:gd name="adj" fmla="val 50000"/>
              </a:avLst>
            </a:prstGeom>
            <a:noFill/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01" name="Google Shape;601;p49"/>
            <p:cNvSpPr/>
            <p:nvPr/>
          </p:nvSpPr>
          <p:spPr>
            <a:xfrm rot="399902">
              <a:off x="1788005" y="1026664"/>
              <a:ext cx="2173791" cy="1874163"/>
            </a:xfrm>
            <a:prstGeom prst="triangle">
              <a:avLst>
                <a:gd name="adj" fmla="val 50000"/>
              </a:avLst>
            </a:prstGeom>
            <a:solidFill>
              <a:schemeClr val="lt1"/>
            </a:solidFill>
            <a:ln w="25400" cap="flat" cmpd="sng">
              <a:solidFill>
                <a:schemeClr val="accent1"/>
              </a:solidFill>
              <a:prstDash val="solid"/>
              <a:miter lim="800000"/>
              <a:headEnd type="none" w="sm" len="sm"/>
              <a:tailEnd type="none" w="sm" len="sm"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602" name="Google Shape;602;p49"/>
          <p:cNvSpPr txBox="1"/>
          <p:nvPr/>
        </p:nvSpPr>
        <p:spPr>
          <a:xfrm>
            <a:off x="10058991" y="1814143"/>
            <a:ext cx="1060200" cy="861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400" b="0" i="0" u="none" strike="noStrike" cap="none">
              <a:solidFill>
                <a:srgbClr val="000000"/>
              </a:solidFill>
              <a:latin typeface="Arial"/>
              <a:ea typeface="Arial"/>
              <a:cs typeface="Arial"/>
              <a:sym typeface="Arial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3600"/>
              <a:buFont typeface="Arial"/>
              <a:buNone/>
            </a:pPr>
            <a:r>
              <a:rPr lang="cs-CZ" sz="36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0</a:t>
            </a:r>
            <a:r>
              <a:rPr lang="cs-CZ" sz="36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5</a:t>
            </a:r>
            <a:endParaRPr sz="36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03" name="Google Shape;603;p49"/>
          <p:cNvSpPr txBox="1"/>
          <p:nvPr/>
        </p:nvSpPr>
        <p:spPr>
          <a:xfrm>
            <a:off x="9461525" y="2885150"/>
            <a:ext cx="2452500" cy="338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r>
              <a:rPr lang="cs-CZ" sz="1600" b="1">
                <a:solidFill>
                  <a:schemeClr val="dk1"/>
                </a:solidFill>
                <a:highlight>
                  <a:srgbClr val="FFE68F"/>
                </a:highlight>
                <a:latin typeface="Philosopher"/>
                <a:ea typeface="Philosopher"/>
                <a:cs typeface="Philosopher"/>
                <a:sym typeface="Philosopher"/>
              </a:rPr>
              <a:t>Prezentacijos struktūra</a:t>
            </a:r>
            <a:endParaRPr sz="1200" b="0" i="0" u="none" strike="noStrike" cap="none">
              <a:solidFill>
                <a:srgbClr val="000000"/>
              </a:solidFill>
              <a:highlight>
                <a:srgbClr val="FFE68F"/>
              </a:highlight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604" name="Google Shape;604;p49"/>
          <p:cNvSpPr txBox="1"/>
          <p:nvPr/>
        </p:nvSpPr>
        <p:spPr>
          <a:xfrm>
            <a:off x="7388075" y="3207900"/>
            <a:ext cx="2316900" cy="28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Dalyviai aptaria ir apibrėžia savo veiklos taisykles, mechaniką ir gaires: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– Kaip dalyviai pelnys taškus?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– Kaip veiks progresas?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– Kokios yra dalyvavimo taisyklės?</a:t>
            </a: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endParaRPr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605" name="Google Shape;605;p49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0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0" name="Google Shape;610;p50"/>
          <p:cNvSpPr txBox="1"/>
          <p:nvPr/>
        </p:nvSpPr>
        <p:spPr>
          <a:xfrm>
            <a:off x="2972238" y="276313"/>
            <a:ext cx="6247500" cy="666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rumpa diskusija ir apibendrinimas</a:t>
            </a:r>
            <a:endParaRPr sz="28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11" name="Google Shape;611;p50"/>
          <p:cNvGrpSpPr/>
          <p:nvPr/>
        </p:nvGrpSpPr>
        <p:grpSpPr>
          <a:xfrm>
            <a:off x="5470060" y="887189"/>
            <a:ext cx="1251876" cy="358096"/>
            <a:chOff x="5470062" y="1167647"/>
            <a:chExt cx="1251876" cy="358096"/>
          </a:xfrm>
        </p:grpSpPr>
        <p:sp>
          <p:nvSpPr>
            <p:cNvPr id="612" name="Google Shape;612;p50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13" name="Google Shape;613;p50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14" name="Google Shape;614;p50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15" name="Google Shape;615;p50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16" name="Google Shape;616;p50"/>
          <p:cNvSpPr txBox="1"/>
          <p:nvPr/>
        </p:nvSpPr>
        <p:spPr>
          <a:xfrm>
            <a:off x="906747" y="1761325"/>
            <a:ext cx="6864600" cy="2893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2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KLAUSIMAI:</a:t>
            </a:r>
            <a:endParaRPr sz="2200" b="1">
              <a:solidFill>
                <a:schemeClr val="accent4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aip suderinote savo veiklos planą su tikslų, progreso, grįžtamojo ryšio ir konkurencijos / bendradarbiavimo principais?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 kokiais iššūkiais susidūrėte kurdami veiklą su žaidimo elementais ir kaip juos įveikite?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0" indent="-355600" algn="l" rtl="0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lausimai ir atsakymai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617" name="Google Shape;617;p50"/>
          <p:cNvPicPr preferRelativeResize="0"/>
          <p:nvPr/>
        </p:nvPicPr>
        <p:blipFill>
          <a:blip r:embed="rId4">
            <a:alphaModFix amt="60000"/>
          </a:blip>
          <a:stretch>
            <a:fillRect/>
          </a:stretch>
        </p:blipFill>
        <p:spPr>
          <a:xfrm>
            <a:off x="7771275" y="935175"/>
            <a:ext cx="3274575" cy="5736475"/>
          </a:xfrm>
          <a:prstGeom prst="rect">
            <a:avLst/>
          </a:prstGeom>
          <a:noFill/>
          <a:ln>
            <a:noFill/>
          </a:ln>
        </p:spPr>
      </p:pic>
      <p:pic>
        <p:nvPicPr>
          <p:cNvPr id="618" name="Google Shape;618;p5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" name="Google Shape;88;p15"/>
          <p:cNvSpPr/>
          <p:nvPr/>
        </p:nvSpPr>
        <p:spPr>
          <a:xfrm>
            <a:off x="3824064" y="1076946"/>
            <a:ext cx="4543871" cy="4704107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89" name="Google Shape;89;p15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2" r="14652"/>
          <a:stretch/>
        </p:blipFill>
        <p:spPr>
          <a:xfrm>
            <a:off x="5068883" y="2238750"/>
            <a:ext cx="2054225" cy="2054225"/>
          </a:xfrm>
          <a:prstGeom prst="rect">
            <a:avLst/>
          </a:prstGeom>
          <a:noFill/>
          <a:ln>
            <a:noFill/>
          </a:ln>
        </p:spPr>
      </p:pic>
      <p:sp>
        <p:nvSpPr>
          <p:cNvPr id="90" name="Google Shape;90;p15"/>
          <p:cNvSpPr txBox="1"/>
          <p:nvPr/>
        </p:nvSpPr>
        <p:spPr>
          <a:xfrm>
            <a:off x="5456992" y="1678850"/>
            <a:ext cx="1278000" cy="68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1 sesija: 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1" name="Google Shape;91;p15"/>
          <p:cNvSpPr txBox="1"/>
          <p:nvPr/>
        </p:nvSpPr>
        <p:spPr>
          <a:xfrm>
            <a:off x="3866238" y="4597625"/>
            <a:ext cx="4459500" cy="1015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400"/>
              <a:buFont typeface="Arial"/>
              <a:buNone/>
            </a:pPr>
            <a:r>
              <a:rPr lang="cs-CZ" sz="24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Įvadas. Dalyvavimas skaitmeninėje aplinkoje</a:t>
            </a:r>
            <a:endParaRPr sz="24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92" name="Google Shape;92;p15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2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3" name="Google Shape;623;p51"/>
          <p:cNvSpPr/>
          <p:nvPr/>
        </p:nvSpPr>
        <p:spPr>
          <a:xfrm>
            <a:off x="3824064" y="1076946"/>
            <a:ext cx="4543800" cy="4704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624" name="Google Shape;624;p51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5" r="14648"/>
          <a:stretch/>
        </p:blipFill>
        <p:spPr>
          <a:xfrm>
            <a:off x="5068883" y="2238750"/>
            <a:ext cx="2054228" cy="2054224"/>
          </a:xfrm>
          <a:prstGeom prst="rect">
            <a:avLst/>
          </a:prstGeom>
          <a:noFill/>
          <a:ln>
            <a:noFill/>
          </a:ln>
        </p:spPr>
      </p:pic>
      <p:sp>
        <p:nvSpPr>
          <p:cNvPr id="625" name="Google Shape;625;p51"/>
          <p:cNvSpPr txBox="1"/>
          <p:nvPr/>
        </p:nvSpPr>
        <p:spPr>
          <a:xfrm>
            <a:off x="5450530" y="1666225"/>
            <a:ext cx="12909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5 sesija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26" name="Google Shape;626;p51"/>
          <p:cNvSpPr txBox="1"/>
          <p:nvPr/>
        </p:nvSpPr>
        <p:spPr>
          <a:xfrm>
            <a:off x="3824077" y="463563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Įvertinimas ir atsiliepimai</a:t>
            </a:r>
            <a:endParaRPr sz="2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627" name="Google Shape;627;p51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3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2" name="Google Shape;632;p52"/>
          <p:cNvSpPr txBox="1"/>
          <p:nvPr/>
        </p:nvSpPr>
        <p:spPr>
          <a:xfrm>
            <a:off x="3822381" y="603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nkstesnės sesijos apibendrinimas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33" name="Google Shape;633;p52"/>
          <p:cNvGrpSpPr/>
          <p:nvPr/>
        </p:nvGrpSpPr>
        <p:grpSpPr>
          <a:xfrm>
            <a:off x="5394562" y="1360322"/>
            <a:ext cx="1251984" cy="358200"/>
            <a:chOff x="5470062" y="1167647"/>
            <a:chExt cx="1251984" cy="358200"/>
          </a:xfrm>
        </p:grpSpPr>
        <p:sp>
          <p:nvSpPr>
            <p:cNvPr id="634" name="Google Shape;634;p5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35" name="Google Shape;635;p5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36" name="Google Shape;636;p5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37" name="Google Shape;637;p52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38" name="Google Shape;638;p52"/>
          <p:cNvSpPr txBox="1"/>
          <p:nvPr/>
        </p:nvSpPr>
        <p:spPr>
          <a:xfrm>
            <a:off x="1817025" y="2555025"/>
            <a:ext cx="8406900" cy="50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Žaidimo principai ir jų įtaka motyvacijai;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39" name="Google Shape;639;p52"/>
          <p:cNvSpPr txBox="1"/>
          <p:nvPr/>
        </p:nvSpPr>
        <p:spPr>
          <a:xfrm>
            <a:off x="4311775" y="4377325"/>
            <a:ext cx="6480900" cy="107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45720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aip žaidimo momentai didina įsitraukimą į skaitmeninės erdvės veiklą.</a:t>
            </a:r>
            <a:endParaRPr/>
          </a:p>
        </p:txBody>
      </p:sp>
      <p:sp>
        <p:nvSpPr>
          <p:cNvPr id="640" name="Google Shape;640;p52"/>
          <p:cNvSpPr/>
          <p:nvPr/>
        </p:nvSpPr>
        <p:spPr>
          <a:xfrm>
            <a:off x="922678" y="2443447"/>
            <a:ext cx="1252920" cy="985559"/>
          </a:xfrm>
          <a:custGeom>
            <a:avLst/>
            <a:gdLst/>
            <a:ahLst/>
            <a:cxnLst/>
            <a:rect l="l" t="t" r="r" b="b"/>
            <a:pathLst>
              <a:path w="943819" h="782190" extrusionOk="0">
                <a:moveTo>
                  <a:pt x="0" y="0"/>
                </a:moveTo>
                <a:lnTo>
                  <a:pt x="943819" y="0"/>
                </a:lnTo>
                <a:lnTo>
                  <a:pt x="943819" y="782190"/>
                </a:lnTo>
                <a:lnTo>
                  <a:pt x="0" y="78219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641" name="Google Shape;641;p52"/>
          <p:cNvSpPr/>
          <p:nvPr/>
        </p:nvSpPr>
        <p:spPr>
          <a:xfrm>
            <a:off x="3663200" y="4288527"/>
            <a:ext cx="936890" cy="1167479"/>
          </a:xfrm>
          <a:custGeom>
            <a:avLst/>
            <a:gdLst/>
            <a:ahLst/>
            <a:cxnLst/>
            <a:rect l="l" t="t" r="r" b="b"/>
            <a:pathLst>
              <a:path w="777502" h="981075" extrusionOk="0">
                <a:moveTo>
                  <a:pt x="0" y="0"/>
                </a:moveTo>
                <a:lnTo>
                  <a:pt x="777502" y="0"/>
                </a:lnTo>
                <a:lnTo>
                  <a:pt x="777502" y="981075"/>
                </a:lnTo>
                <a:lnTo>
                  <a:pt x="0" y="981075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</p:sp>
      <p:pic>
        <p:nvPicPr>
          <p:cNvPr id="642" name="Google Shape;642;p52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4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47" name="Google Shape;647;p53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48" name="Google Shape;648;p53"/>
          <p:cNvSpPr txBox="1"/>
          <p:nvPr/>
        </p:nvSpPr>
        <p:spPr>
          <a:xfrm>
            <a:off x="906742" y="1561038"/>
            <a:ext cx="10378500" cy="4426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914400" lvl="0" indent="0" algn="ctr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1. </a:t>
            </a:r>
            <a:r>
              <a:rPr lang="cs-CZ" sz="22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Ugdomasis</a:t>
            </a: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ir </a:t>
            </a:r>
            <a:r>
              <a:rPr lang="cs-CZ" sz="22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vertinamasis</a:t>
            </a: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umas:</a:t>
            </a:r>
            <a:b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sz="2200" b="1" u="sng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2"/>
                </a:highlight>
                <a:latin typeface="Philosopher"/>
                <a:ea typeface="Philosopher"/>
                <a:cs typeface="Philosopher"/>
                <a:sym typeface="Philosopher"/>
              </a:rPr>
              <a:t>Ugdomasis įtraukumas:</a:t>
            </a:r>
            <a:r>
              <a:rPr lang="cs-CZ" sz="2000" b="1">
                <a:solidFill>
                  <a:schemeClr val="dk1"/>
                </a:solidFill>
                <a:highlight>
                  <a:schemeClr val="accent2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nuolatiniai, tęstiniai vertinimai, kurie suteikia tiesioginę informaciją apie besimokančiojo pažangą mokymosi proceso metu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us grįžtamasis ryšys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konkretus, konstruktyvus grįžtamasis ryšys, kuris besimokantiesiems išryškina tobulintinas sriti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4"/>
                </a:highlight>
                <a:latin typeface="Philosopher"/>
                <a:ea typeface="Philosopher"/>
                <a:cs typeface="Philosopher"/>
                <a:sym typeface="Philosopher"/>
              </a:rPr>
              <a:t>Vertinamasis įtraukumas</a:t>
            </a:r>
            <a:r>
              <a:rPr lang="cs-CZ" sz="2000">
                <a:solidFill>
                  <a:schemeClr val="dk1"/>
                </a:solidFill>
                <a:highlight>
                  <a:schemeClr val="accent4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kiekvieno skyriaus arba viso kurso pabaigoje vertinamas bendras besimokančiųjų supratimas ir žinio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us grįžtamasis ryšys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ateikite išsamų grįžtamąjį ryšį apie pasiekimus ir pasiūlykite būdus, kaip pagerinti žinias tolimesniam mokymuisi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49" name="Google Shape;649;p53"/>
          <p:cNvSpPr txBox="1"/>
          <p:nvPr/>
        </p:nvSpPr>
        <p:spPr>
          <a:xfrm>
            <a:off x="2410200" y="146650"/>
            <a:ext cx="73716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mo strategijos ir efektyvus grįžtamasis ryšys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50" name="Google Shape;650;p53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51" name="Google Shape;651;p53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52" name="Google Shape;652;p53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53" name="Google Shape;653;p53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54" name="Google Shape;654;p53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5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59" name="Google Shape;659;p54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60" name="Google Shape;660;p54"/>
          <p:cNvSpPr txBox="1"/>
          <p:nvPr/>
        </p:nvSpPr>
        <p:spPr>
          <a:xfrm>
            <a:off x="906742" y="1332438"/>
            <a:ext cx="10378500" cy="4548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2. </a:t>
            </a:r>
            <a:r>
              <a:rPr lang="cs-CZ" sz="2000" b="1">
                <a:solidFill>
                  <a:schemeClr val="accent1"/>
                </a:solidFill>
                <a:latin typeface="Philosopher"/>
                <a:ea typeface="Philosopher"/>
                <a:cs typeface="Philosopher"/>
                <a:sym typeface="Philosopher"/>
              </a:rPr>
              <a:t>Autentiški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rtinimai:</a:t>
            </a:r>
            <a:endParaRPr sz="2000" b="1" u="sng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Aprašymas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žinioms įvertinti įtraukite praktines užduotis ir scenarijus, kad besimokantieji pritaikytų žinias ir įgūdžiu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us grįžtamasis ryšy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grįžtamojo ryšio metu įvardinkite kaip įgauti įgūdžiai  ir žinios praktiškai pritaikomi realiame pasaulyje. 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3. </a:t>
            </a:r>
            <a:r>
              <a:rPr lang="cs-CZ" sz="2000" b="1">
                <a:solidFill>
                  <a:schemeClr val="accent3"/>
                </a:solidFill>
                <a:latin typeface="Philosopher"/>
                <a:ea typeface="Philosopher"/>
                <a:cs typeface="Philosopher"/>
                <a:sym typeface="Philosopher"/>
              </a:rPr>
              <a:t>Kitų grupės narių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rtinimai:</a:t>
            </a:r>
            <a:endParaRPr sz="2000" b="1" u="sng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3"/>
                </a:highlight>
                <a:latin typeface="Philosopher"/>
                <a:ea typeface="Philosopher"/>
                <a:cs typeface="Philosopher"/>
                <a:sym typeface="Philosopher"/>
              </a:rPr>
              <a:t>Aprašymas:</a:t>
            </a:r>
            <a:r>
              <a:rPr lang="cs-CZ" sz="2000">
                <a:solidFill>
                  <a:schemeClr val="lt1"/>
                </a:solidFill>
                <a:highlight>
                  <a:schemeClr val="accent3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leiskite besimokantiesiems įvertinti savo grupės narių darbą ir pateikti grįžtamąjį ryšį, taip skatinant kritinį mąstymą ir savęs vertinimą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us grįžtamasis ryšys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šmokykite teikti konstruktyvius atsiliepimus, pabrėždami teigiamus aspektus ir siūlydami tobulinimo pasiūlymu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61" name="Google Shape;661;p54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1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mo strategijos ir efektyvus grįžtamasis ryšys</a:t>
            </a:r>
            <a:endParaRPr sz="22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62" name="Google Shape;662;p54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63" name="Google Shape;663;p54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64" name="Google Shape;664;p54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65" name="Google Shape;665;p54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66" name="Google Shape;666;p54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7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71" name="Google Shape;671;p55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72" name="Google Shape;672;p55"/>
          <p:cNvSpPr txBox="1"/>
          <p:nvPr/>
        </p:nvSpPr>
        <p:spPr>
          <a:xfrm>
            <a:off x="906742" y="1256238"/>
            <a:ext cx="10378500" cy="4548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. </a:t>
            </a:r>
            <a:r>
              <a:rPr lang="cs-CZ" sz="2000" b="1">
                <a:solidFill>
                  <a:schemeClr val="accent6"/>
                </a:solidFill>
                <a:latin typeface="Philosopher"/>
                <a:ea typeface="Philosopher"/>
                <a:cs typeface="Philosopher"/>
                <a:sym typeface="Philosopher"/>
              </a:rPr>
              <a:t>Savęs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-vertinimas: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6"/>
                </a:highlight>
                <a:latin typeface="Philosopher"/>
                <a:ea typeface="Philosopher"/>
                <a:cs typeface="Philosopher"/>
                <a:sym typeface="Philosopher"/>
              </a:rPr>
              <a:t>Aprašymas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atinkite besimokančiuosius reflektuoti apie savo darbą ir pažangą, taip skatinsite jų savimonę ir metakognityvinius įgūdžiu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us grįžtamasis ryšys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teikite savęs vertinimo gaires, taip padėsite nustatyti stipriąsias puses ir augimo sriti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5. </a:t>
            </a:r>
            <a:r>
              <a:rPr lang="cs-CZ" sz="2000" b="1">
                <a:solidFill>
                  <a:schemeClr val="accent5"/>
                </a:solidFill>
                <a:latin typeface="Philosopher"/>
                <a:ea typeface="Philosopher"/>
                <a:cs typeface="Philosopher"/>
                <a:sym typeface="Philosopher"/>
              </a:rPr>
              <a:t>Interaktyvios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viktorinos ir apklausos: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5"/>
                </a:highlight>
                <a:latin typeface="Philosopher"/>
                <a:ea typeface="Philosopher"/>
                <a:cs typeface="Philosopher"/>
                <a:sym typeface="Philosopher"/>
              </a:rPr>
              <a:t>Aprašyma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įtraukite trumpas viktorinas ir apklausas, kad įvertintumėte besimokančiųjų supratimą ir įsitraukimą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us grįžtamasis ryšy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o kiekvieno klausimo pateikite grįžtamąjį ryšį, paaiškinkite teisingus ir klaidingus atsakymu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673" name="Google Shape;673;p55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1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mo strategijos ir efektyvus grįžtamasis ryšys</a:t>
            </a:r>
            <a:endParaRPr sz="22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74" name="Google Shape;674;p55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75" name="Google Shape;675;p5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76" name="Google Shape;676;p5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77" name="Google Shape;677;p5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78" name="Google Shape;678;p55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8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3" name="Google Shape;683;p56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1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mo strategijos ir efektyvus grįžtamasis ryšys</a:t>
            </a:r>
            <a:endParaRPr sz="22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84" name="Google Shape;684;p56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85" name="Google Shape;685;p5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86" name="Google Shape;686;p5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87" name="Google Shape;687;p5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688" name="Google Shape;688;p56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689" name="Google Shape;689;p56"/>
          <p:cNvSpPr txBox="1"/>
          <p:nvPr/>
        </p:nvSpPr>
        <p:spPr>
          <a:xfrm>
            <a:off x="893804" y="1360813"/>
            <a:ext cx="10378500" cy="4548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. </a:t>
            </a:r>
            <a:r>
              <a:rPr lang="cs-CZ" sz="20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Scenarijum grįstas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rtinimas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2"/>
                </a:highlight>
                <a:latin typeface="Philosopher"/>
                <a:ea typeface="Philosopher"/>
                <a:cs typeface="Philosopher"/>
                <a:sym typeface="Philosopher"/>
              </a:rPr>
              <a:t>Aprašyma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besimokantiesiems pateikite realius scenarijus, pagal kuriuos jie turi priimti dalyko supratimu grįstus sprendimu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us grįžtamasis ryšys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teikite grįžtamąjį ryšį, kuriame aptariamos priimtų sprendimų pasekmė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7. </a:t>
            </a:r>
            <a:r>
              <a:rPr lang="cs-CZ" sz="2000" b="1">
                <a:solidFill>
                  <a:schemeClr val="accent1"/>
                </a:solidFill>
                <a:latin typeface="Philosopher"/>
                <a:ea typeface="Philosopher"/>
                <a:cs typeface="Philosopher"/>
                <a:sym typeface="Philosopher"/>
              </a:rPr>
              <a:t>Rubrikos ir kriterijai:</a:t>
            </a:r>
            <a:endParaRPr sz="2000" b="1">
              <a:solidFill>
                <a:schemeClr val="accent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Aprašymas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iškiai apibrėžkite vertinimo kriterijus ir rubrikas, informuokite apie lūkesčius ir vertinimo standartu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us grįžtamasis ryšys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lyginkite grįžtamąjį ryšį su konkrečiais kriterijais, nurodydami, kur besimokantysis pasižymėjo puikiai ir kur galima patobulėti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690" name="Google Shape;690;p56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69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5" name="Google Shape;695;p57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1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mo strategijos ir efektyvus grįžtamasis ryšys</a:t>
            </a:r>
            <a:endParaRPr sz="22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696" name="Google Shape;696;p57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697" name="Google Shape;697;p57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98" name="Google Shape;698;p57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699" name="Google Shape;699;p57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00" name="Google Shape;700;p57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01" name="Google Shape;701;p57"/>
          <p:cNvSpPr txBox="1"/>
          <p:nvPr/>
        </p:nvSpPr>
        <p:spPr>
          <a:xfrm>
            <a:off x="1163963" y="1315200"/>
            <a:ext cx="9838200" cy="4227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8. </a:t>
            </a:r>
            <a:r>
              <a:rPr lang="cs-CZ" sz="2000" b="1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Garso ir vaizdo įrašo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rįžtamasis ryšys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4"/>
                </a:highlight>
                <a:latin typeface="Philosopher"/>
                <a:ea typeface="Philosopher"/>
                <a:cs typeface="Philosopher"/>
                <a:sym typeface="Philosopher"/>
              </a:rPr>
              <a:t>Aprašyma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ateikite atsiliepimų garso ar vaizdo įrašų forma, kad vertinamasis jaustų asmeninį ryšį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us grįžtamasis ryšy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naudokite intonacijas, gestus ir išraiškas, kad efektyviai padrąsintumėte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ctr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9. </a:t>
            </a:r>
            <a:r>
              <a:rPr lang="cs-CZ" sz="2000" b="1">
                <a:solidFill>
                  <a:schemeClr val="accent3"/>
                </a:solidFill>
                <a:latin typeface="Philosopher"/>
                <a:ea typeface="Philosopher"/>
                <a:cs typeface="Philosopher"/>
                <a:sym typeface="Philosopher"/>
              </a:rPr>
              <a:t>Staigus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rįžtamasis ryšys:</a:t>
            </a:r>
            <a:endParaRPr sz="2000" b="1" u="sng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3"/>
                </a:highlight>
                <a:latin typeface="Philosopher"/>
                <a:ea typeface="Philosopher"/>
                <a:cs typeface="Philosopher"/>
                <a:sym typeface="Philosopher"/>
              </a:rPr>
              <a:t>Aprašymas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edelsdami po vertinimo pasiūlykite grįžtamąjį ryšį, kad išlaikytumėte besimokančiųjų motyvaciją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us grįžtamasis ryšy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stenkitės išsamų vertinimą duoti kuo greičiau, taip bus veiksmingiausia.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702" name="Google Shape;702;p57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0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7" name="Google Shape;707;p58"/>
          <p:cNvSpPr txBox="1"/>
          <p:nvPr/>
        </p:nvSpPr>
        <p:spPr>
          <a:xfrm>
            <a:off x="2972250" y="123926"/>
            <a:ext cx="6247500" cy="703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1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mo strategijos ir efektyvus grįžtamasis ryšys</a:t>
            </a:r>
            <a:endParaRPr sz="22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08" name="Google Shape;708;p58"/>
          <p:cNvGrpSpPr/>
          <p:nvPr/>
        </p:nvGrpSpPr>
        <p:grpSpPr>
          <a:xfrm>
            <a:off x="5596861" y="764745"/>
            <a:ext cx="972416" cy="251958"/>
            <a:chOff x="5470062" y="1167647"/>
            <a:chExt cx="1251984" cy="358200"/>
          </a:xfrm>
        </p:grpSpPr>
        <p:sp>
          <p:nvSpPr>
            <p:cNvPr id="709" name="Google Shape;709;p58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10" name="Google Shape;710;p58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11" name="Google Shape;711;p58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12" name="Google Shape;712;p58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13" name="Google Shape;713;p58"/>
          <p:cNvSpPr txBox="1"/>
          <p:nvPr/>
        </p:nvSpPr>
        <p:spPr>
          <a:xfrm>
            <a:off x="1400275" y="1853775"/>
            <a:ext cx="9225300" cy="2072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10. </a:t>
            </a:r>
            <a:r>
              <a:rPr lang="cs-CZ" sz="2000" b="1">
                <a:solidFill>
                  <a:schemeClr val="accent5"/>
                </a:solidFill>
                <a:latin typeface="Philosopher"/>
                <a:ea typeface="Philosopher"/>
                <a:cs typeface="Philosopher"/>
                <a:sym typeface="Philosopher"/>
              </a:rPr>
              <a:t>Į tikslą orientuotas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rįžtamasis ryšys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: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>
                <a:solidFill>
                  <a:schemeClr val="lt1"/>
                </a:solidFill>
                <a:highlight>
                  <a:schemeClr val="accent5"/>
                </a:highlight>
                <a:latin typeface="Philosopher"/>
                <a:ea typeface="Philosopher"/>
                <a:cs typeface="Philosopher"/>
                <a:sym typeface="Philosopher"/>
              </a:rPr>
              <a:t>Aprašymas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derinkite grįžtamąjį ryšį su individualiais besimokančiųjų tikslais, pabrėždami pastangų svarbą prisideda prie jų mokymosi kelio. 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000"/>
              </a:spcBef>
              <a:spcAft>
                <a:spcPts val="10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us grįžtamasis ryšy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kalbėkite apie padarytą pažangą siekiant tikslų, ir pasiūlykite strategijas, kaip toliau jų siekti.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14" name="Google Shape;714;p58"/>
          <p:cNvSpPr/>
          <p:nvPr/>
        </p:nvSpPr>
        <p:spPr>
          <a:xfrm>
            <a:off x="8482450" y="4140102"/>
            <a:ext cx="2143125" cy="2143125"/>
          </a:xfrm>
          <a:custGeom>
            <a:avLst/>
            <a:gdLst/>
            <a:ahLst/>
            <a:cxnLst/>
            <a:rect l="l" t="t" r="r" b="b"/>
            <a:pathLst>
              <a:path w="1371600" h="1371600" extrusionOk="0">
                <a:moveTo>
                  <a:pt x="0" y="0"/>
                </a:moveTo>
                <a:lnTo>
                  <a:pt x="1371600" y="0"/>
                </a:lnTo>
                <a:lnTo>
                  <a:pt x="1371600" y="1371599"/>
                </a:lnTo>
                <a:lnTo>
                  <a:pt x="0" y="1371599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</p:sp>
      <p:pic>
        <p:nvPicPr>
          <p:cNvPr id="715" name="Google Shape;715;p58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20" name="Google Shape;720;p59"/>
          <p:cNvPicPr preferRelativeResize="0"/>
          <p:nvPr/>
        </p:nvPicPr>
        <p:blipFill rotWithShape="1">
          <a:blip r:embed="rId3">
            <a:alphaModFix amt="19000"/>
          </a:blip>
          <a:srcRect r="537"/>
          <a:stretch/>
        </p:blipFill>
        <p:spPr>
          <a:xfrm>
            <a:off x="0" y="0"/>
            <a:ext cx="12349350" cy="6934199"/>
          </a:xfrm>
          <a:prstGeom prst="rect">
            <a:avLst/>
          </a:prstGeom>
          <a:noFill/>
          <a:ln>
            <a:noFill/>
          </a:ln>
        </p:spPr>
      </p:pic>
      <p:sp>
        <p:nvSpPr>
          <p:cNvPr id="721" name="Google Shape;721;p59"/>
          <p:cNvSpPr txBox="1"/>
          <p:nvPr/>
        </p:nvSpPr>
        <p:spPr>
          <a:xfrm>
            <a:off x="624375" y="55500"/>
            <a:ext cx="105540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3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aidmenų žaidimai: grįžtamojo ryšio teikimo praktika skaitmeninėje aplinkoje</a:t>
            </a:r>
            <a:endParaRPr sz="23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3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(„Kintantis švietėjo vaidmuo")</a:t>
            </a:r>
            <a:endParaRPr sz="23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22" name="Google Shape;722;p59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723" name="Google Shape;723;p5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24" name="Google Shape;724;p5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25" name="Google Shape;725;p5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26" name="Google Shape;726;p59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27" name="Google Shape;727;p59"/>
          <p:cNvSpPr txBox="1"/>
          <p:nvPr/>
        </p:nvSpPr>
        <p:spPr>
          <a:xfrm>
            <a:off x="906742" y="1218613"/>
            <a:ext cx="10378500" cy="4517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cenarijus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b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sivaizduokite, kad esate švietėjas, </a:t>
            </a: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aitmeniniu būdu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ikiantis besimokančiajam grįžtamąjį ryšį apie atliktą užduotį. Jūsų tikslas yra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uoti grįžtamąjį ryšį, kuris motyvuotų, būtų išsamus ir skatintų veikti. </a:t>
            </a:r>
            <a:endParaRPr sz="20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aisyklės:</a:t>
            </a:r>
            <a:endParaRPr sz="2000" b="1" u="sng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4"/>
                </a:highlight>
                <a:latin typeface="Philosopher"/>
                <a:ea typeface="Philosopher"/>
                <a:cs typeface="Philosopher"/>
                <a:sym typeface="Philosopher"/>
              </a:rPr>
              <a:t>Švietėjas:</a:t>
            </a:r>
            <a:r>
              <a:rPr lang="cs-CZ" sz="2000">
                <a:solidFill>
                  <a:schemeClr val="accent4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as, kuris teikia grįžtamąjį ryšį apie užduotį. Naudokite veiksmingas strategijas, pavyzdžiui, besimokančiojo vardą, akcentuokite stipriąsias puses ir atkreipkite dėmesį į tobulintinas sritis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Char char="-"/>
            </a:pPr>
            <a:r>
              <a:rPr lang="cs-CZ" sz="2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Besimokantysis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as, kuris gauna vertinimą ir į jį reaguoja. Klausia patikslinančių klausimų ar patarimų tolimesniam mokymuisi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deratorius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stebėkite procesą ir atkreipkite dėmesį į grįžtamojo ryšio teikimo strategija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728" name="Google Shape;728;p59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3" name="Google Shape;733;p60"/>
          <p:cNvSpPr/>
          <p:nvPr/>
        </p:nvSpPr>
        <p:spPr>
          <a:xfrm>
            <a:off x="3844900" y="1614625"/>
            <a:ext cx="6715500" cy="36423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734" name="Google Shape;734;p60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iskusiniai klausimai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35" name="Google Shape;735;p60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736" name="Google Shape;736;p6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37" name="Google Shape;737;p6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38" name="Google Shape;738;p6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39" name="Google Shape;739;p60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40" name="Google Shape;740;p60"/>
          <p:cNvSpPr txBox="1"/>
          <p:nvPr/>
        </p:nvSpPr>
        <p:spPr>
          <a:xfrm>
            <a:off x="4066750" y="1996675"/>
            <a:ext cx="6271800" cy="287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-3556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lt1"/>
              </a:buClr>
              <a:buSzPts val="2000"/>
              <a:buFont typeface="Philosopher"/>
              <a:buChar char="●"/>
            </a:pPr>
            <a:r>
              <a:rPr lang="cs-CZ" sz="2000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Kaip švietėjo taikytos naudotos grįžtamojo ryšio strategijos paveikė besimokančiojo įsitraukimą ir motyvaciją?</a:t>
            </a:r>
            <a:endParaRPr sz="2000">
              <a:solidFill>
                <a:schemeClr val="lt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2000"/>
              <a:buFont typeface="Philosopher"/>
              <a:buChar char="●"/>
            </a:pPr>
            <a:r>
              <a:rPr lang="cs-CZ" sz="2000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Kokie konkretūs metodai buvo naudojami, kad grįžtamasis ryšys būtų motyvuojantis, konkretus ir skatintų veikti?</a:t>
            </a:r>
            <a:endParaRPr sz="2000">
              <a:solidFill>
                <a:schemeClr val="lt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lt1"/>
              </a:buClr>
              <a:buSzPts val="2000"/>
              <a:buFont typeface="Philosopher"/>
              <a:buChar char="●"/>
            </a:pPr>
            <a:r>
              <a:rPr lang="cs-CZ" sz="2000">
                <a:solidFill>
                  <a:schemeClr val="lt1"/>
                </a:solidFill>
                <a:latin typeface="Philosopher"/>
                <a:ea typeface="Philosopher"/>
                <a:cs typeface="Philosopher"/>
                <a:sym typeface="Philosopher"/>
              </a:rPr>
              <a:t>Kaip šis vaidmenų žaidimas atskleidžia besikeičiantį švietėjų vaidmenį skaitmeniniame amžiuje?</a:t>
            </a:r>
            <a:endParaRPr sz="2000">
              <a:solidFill>
                <a:schemeClr val="lt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41" name="Google Shape;741;p60"/>
          <p:cNvSpPr/>
          <p:nvPr/>
        </p:nvSpPr>
        <p:spPr>
          <a:xfrm>
            <a:off x="1596075" y="3969375"/>
            <a:ext cx="2248814" cy="2083460"/>
          </a:xfrm>
          <a:custGeom>
            <a:avLst/>
            <a:gdLst/>
            <a:ahLst/>
            <a:cxnLst/>
            <a:rect l="l" t="t" r="r" b="b"/>
            <a:pathLst>
              <a:path w="944880" h="944880" extrusionOk="0">
                <a:moveTo>
                  <a:pt x="0" y="0"/>
                </a:moveTo>
                <a:lnTo>
                  <a:pt x="944880" y="0"/>
                </a:lnTo>
                <a:lnTo>
                  <a:pt x="944880" y="944880"/>
                </a:lnTo>
                <a:lnTo>
                  <a:pt x="0" y="94488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</p:sp>
      <p:pic>
        <p:nvPicPr>
          <p:cNvPr id="742" name="Google Shape;742;p6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" name="Google Shape;97;p16"/>
          <p:cNvSpPr/>
          <p:nvPr/>
        </p:nvSpPr>
        <p:spPr>
          <a:xfrm>
            <a:off x="851690" y="974337"/>
            <a:ext cx="6096000" cy="3429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98" name="Google Shape;98;p16" descr="A picture containing text, person, person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t="7812" b="7813"/>
          <a:stretch/>
        </p:blipFill>
        <p:spPr>
          <a:xfrm>
            <a:off x="5360988" y="2700338"/>
            <a:ext cx="6096000" cy="3429000"/>
          </a:xfrm>
          <a:prstGeom prst="rect">
            <a:avLst/>
          </a:prstGeom>
          <a:noFill/>
          <a:ln>
            <a:noFill/>
          </a:ln>
        </p:spPr>
      </p:pic>
      <p:sp>
        <p:nvSpPr>
          <p:cNvPr id="99" name="Google Shape;99;p16"/>
          <p:cNvSpPr txBox="1"/>
          <p:nvPr/>
        </p:nvSpPr>
        <p:spPr>
          <a:xfrm>
            <a:off x="940650" y="1060975"/>
            <a:ext cx="4420500" cy="3215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eminaro tikslas: </a:t>
            </a:r>
            <a:r>
              <a:rPr lang="cs-CZ" sz="1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šnagrinėti įsitraukimo strategijas skaitmeninėje mokymosi aplinkoje.</a:t>
            </a:r>
            <a:endParaRPr sz="17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nkretūs šio užsiėmimo tikslai:</a:t>
            </a:r>
            <a:endParaRPr sz="1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- Suprasti įsitraukimo reikšmę į skaitmeninį mokymasi.</a:t>
            </a:r>
            <a:endParaRPr sz="17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- Nustatyti su įsitraukimu susijusius iššūkius ir galimybes.</a:t>
            </a:r>
            <a:endParaRPr sz="17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teraktyvus sesijos pobūdis – svarbu aktyviai dalyvauti!</a:t>
            </a:r>
            <a:endParaRPr sz="17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17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00" name="Google Shape;100;p16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037933" y="-45061"/>
            <a:ext cx="2386989" cy="1687495"/>
          </a:xfrm>
          <a:prstGeom prst="rect">
            <a:avLst/>
          </a:prstGeom>
          <a:noFill/>
          <a:ln>
            <a:noFill/>
          </a:ln>
        </p:spPr>
      </p:pic>
      <p:sp>
        <p:nvSpPr>
          <p:cNvPr id="101" name="Google Shape;101;p16"/>
          <p:cNvSpPr txBox="1"/>
          <p:nvPr/>
        </p:nvSpPr>
        <p:spPr>
          <a:xfrm>
            <a:off x="3433500" y="530793"/>
            <a:ext cx="3735600" cy="3834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VADAS</a:t>
            </a:r>
            <a:endParaRPr sz="22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02" name="Google Shape;102;p16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4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47" name="Google Shape;747;p61"/>
          <p:cNvPicPr preferRelativeResize="0"/>
          <p:nvPr/>
        </p:nvPicPr>
        <p:blipFill rotWithShape="1">
          <a:blip r:embed="rId3">
            <a:alphaModFix amt="20000"/>
          </a:blip>
          <a:srcRect t="8440" b="7071"/>
          <a:stretch/>
        </p:blipFill>
        <p:spPr>
          <a:xfrm>
            <a:off x="0" y="0"/>
            <a:ext cx="121920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748" name="Google Shape;748;p61"/>
          <p:cNvSpPr txBox="1"/>
          <p:nvPr/>
        </p:nvSpPr>
        <p:spPr>
          <a:xfrm>
            <a:off x="1047325" y="748725"/>
            <a:ext cx="99900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grindinės efektyvaus grįžtamojo ryšio teikimo strategijos: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49" name="Google Shape;749;p61"/>
          <p:cNvGrpSpPr/>
          <p:nvPr/>
        </p:nvGrpSpPr>
        <p:grpSpPr>
          <a:xfrm>
            <a:off x="5470010" y="1654739"/>
            <a:ext cx="1251984" cy="358200"/>
            <a:chOff x="5470062" y="1167647"/>
            <a:chExt cx="1251984" cy="358200"/>
          </a:xfrm>
        </p:grpSpPr>
        <p:sp>
          <p:nvSpPr>
            <p:cNvPr id="750" name="Google Shape;750;p6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51" name="Google Shape;751;p6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52" name="Google Shape;752;p6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53" name="Google Shape;753;p61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54" name="Google Shape;754;p61"/>
          <p:cNvSpPr/>
          <p:nvPr/>
        </p:nvSpPr>
        <p:spPr>
          <a:xfrm>
            <a:off x="893700" y="281842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55" name="Google Shape;755;p61"/>
          <p:cNvSpPr/>
          <p:nvPr/>
        </p:nvSpPr>
        <p:spPr>
          <a:xfrm>
            <a:off x="4846625" y="443592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56" name="Google Shape;756;p61"/>
          <p:cNvSpPr/>
          <p:nvPr/>
        </p:nvSpPr>
        <p:spPr>
          <a:xfrm>
            <a:off x="4846625" y="281842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57" name="Google Shape;757;p61"/>
          <p:cNvSpPr/>
          <p:nvPr/>
        </p:nvSpPr>
        <p:spPr>
          <a:xfrm>
            <a:off x="8799000" y="281842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58" name="Google Shape;758;p61"/>
          <p:cNvSpPr/>
          <p:nvPr/>
        </p:nvSpPr>
        <p:spPr>
          <a:xfrm>
            <a:off x="893700" y="362717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59" name="Google Shape;759;p61"/>
          <p:cNvSpPr/>
          <p:nvPr/>
        </p:nvSpPr>
        <p:spPr>
          <a:xfrm>
            <a:off x="893700" y="443592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0" name="Google Shape;760;p61"/>
          <p:cNvSpPr/>
          <p:nvPr/>
        </p:nvSpPr>
        <p:spPr>
          <a:xfrm>
            <a:off x="8799000" y="362717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1" name="Google Shape;761;p61"/>
          <p:cNvSpPr/>
          <p:nvPr/>
        </p:nvSpPr>
        <p:spPr>
          <a:xfrm>
            <a:off x="4846625" y="3627175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accen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762" name="Google Shape;762;p61"/>
          <p:cNvSpPr txBox="1"/>
          <p:nvPr/>
        </p:nvSpPr>
        <p:spPr>
          <a:xfrm>
            <a:off x="1185888" y="2726775"/>
            <a:ext cx="32211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as;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3" name="Google Shape;763;p61"/>
          <p:cNvSpPr txBox="1"/>
          <p:nvPr/>
        </p:nvSpPr>
        <p:spPr>
          <a:xfrm>
            <a:off x="1145088" y="3535525"/>
            <a:ext cx="32211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zityvumo skatinimas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4" name="Google Shape;764;p61"/>
          <p:cNvSpPr txBox="1"/>
          <p:nvPr/>
        </p:nvSpPr>
        <p:spPr>
          <a:xfrm>
            <a:off x="1145102" y="4344275"/>
            <a:ext cx="37767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ikslumas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5" name="Google Shape;765;p61"/>
          <p:cNvSpPr txBox="1"/>
          <p:nvPr/>
        </p:nvSpPr>
        <p:spPr>
          <a:xfrm>
            <a:off x="5098026" y="2726775"/>
            <a:ext cx="35724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nstruktyvi kritika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6" name="Google Shape;766;p61"/>
          <p:cNvSpPr txBox="1"/>
          <p:nvPr/>
        </p:nvSpPr>
        <p:spPr>
          <a:xfrm>
            <a:off x="5098026" y="3535525"/>
            <a:ext cx="35724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iškumas ir paprastumas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7" name="Google Shape;767;p61"/>
          <p:cNvSpPr txBox="1"/>
          <p:nvPr/>
        </p:nvSpPr>
        <p:spPr>
          <a:xfrm>
            <a:off x="5098026" y="4344275"/>
            <a:ext cx="35724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drąsinimas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8" name="Google Shape;768;p61"/>
          <p:cNvSpPr txBox="1"/>
          <p:nvPr/>
        </p:nvSpPr>
        <p:spPr>
          <a:xfrm>
            <a:off x="9050401" y="2726775"/>
            <a:ext cx="1931400" cy="43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mas;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69" name="Google Shape;769;p61"/>
          <p:cNvSpPr txBox="1"/>
          <p:nvPr/>
        </p:nvSpPr>
        <p:spPr>
          <a:xfrm>
            <a:off x="9050400" y="3535525"/>
            <a:ext cx="2247900" cy="820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rientuota į ateitį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770" name="Google Shape;770;p61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7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75" name="Google Shape;775;p62"/>
          <p:cNvSpPr/>
          <p:nvPr/>
        </p:nvSpPr>
        <p:spPr>
          <a:xfrm>
            <a:off x="3824064" y="1076946"/>
            <a:ext cx="4543800" cy="4704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776" name="Google Shape;776;p62" descr="A picture containing logo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14655" r="14648"/>
          <a:stretch/>
        </p:blipFill>
        <p:spPr>
          <a:xfrm>
            <a:off x="5068883" y="2238750"/>
            <a:ext cx="2054228" cy="2054224"/>
          </a:xfrm>
          <a:prstGeom prst="rect">
            <a:avLst/>
          </a:prstGeom>
          <a:noFill/>
          <a:ln>
            <a:noFill/>
          </a:ln>
        </p:spPr>
      </p:pic>
      <p:sp>
        <p:nvSpPr>
          <p:cNvPr id="777" name="Google Shape;777;p62"/>
          <p:cNvSpPr txBox="1"/>
          <p:nvPr/>
        </p:nvSpPr>
        <p:spPr>
          <a:xfrm>
            <a:off x="5450555" y="1678900"/>
            <a:ext cx="1290900" cy="369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6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 sesija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78" name="Google Shape;778;p62"/>
          <p:cNvSpPr txBox="1"/>
          <p:nvPr/>
        </p:nvSpPr>
        <p:spPr>
          <a:xfrm>
            <a:off x="3824077" y="4635633"/>
            <a:ext cx="45438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2000"/>
              <a:buFont typeface="Arial"/>
              <a:buNone/>
            </a:pPr>
            <a:r>
              <a:rPr lang="cs-CZ" sz="20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Įtraukumo strategijų taikymas</a:t>
            </a:r>
            <a:endParaRPr sz="2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779" name="Google Shape;779;p62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8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84" name="Google Shape;784;p63"/>
          <p:cNvSpPr txBox="1"/>
          <p:nvPr/>
        </p:nvSpPr>
        <p:spPr>
          <a:xfrm>
            <a:off x="3897906" y="581289"/>
            <a:ext cx="4396200" cy="44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nkstesnės sesijos apibendrinimas</a:t>
            </a:r>
            <a:endParaRPr sz="2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785" name="Google Shape;785;p63"/>
          <p:cNvGrpSpPr/>
          <p:nvPr/>
        </p:nvGrpSpPr>
        <p:grpSpPr>
          <a:xfrm>
            <a:off x="5470087" y="1338322"/>
            <a:ext cx="1251984" cy="358200"/>
            <a:chOff x="5470062" y="1167647"/>
            <a:chExt cx="1251984" cy="358200"/>
          </a:xfrm>
        </p:grpSpPr>
        <p:sp>
          <p:nvSpPr>
            <p:cNvPr id="786" name="Google Shape;786;p63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87" name="Google Shape;787;p63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788" name="Google Shape;788;p63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789" name="Google Shape;789;p63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790" name="Google Shape;790;p63"/>
          <p:cNvSpPr txBox="1"/>
          <p:nvPr/>
        </p:nvSpPr>
        <p:spPr>
          <a:xfrm>
            <a:off x="2364450" y="2426450"/>
            <a:ext cx="6059700" cy="985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latin typeface="Philosopher"/>
                <a:ea typeface="Philosopher"/>
                <a:cs typeface="Philosopher"/>
                <a:sym typeface="Philosopher"/>
              </a:rPr>
              <a:t>Vertinimo ir grįžtamojo ryšio svarba siekiant skatinti įsitraukimą;</a:t>
            </a:r>
            <a:endParaRPr sz="27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791" name="Google Shape;791;p63"/>
          <p:cNvSpPr txBox="1"/>
          <p:nvPr/>
        </p:nvSpPr>
        <p:spPr>
          <a:xfrm>
            <a:off x="6010450" y="4040175"/>
            <a:ext cx="5721600" cy="1556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7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rįžtamojo ryšio svarba besimokančiųjų motyvacijos didinimui.</a:t>
            </a:r>
            <a:endParaRPr/>
          </a:p>
        </p:txBody>
      </p:sp>
      <p:sp>
        <p:nvSpPr>
          <p:cNvPr id="792" name="Google Shape;792;p63"/>
          <p:cNvSpPr/>
          <p:nvPr/>
        </p:nvSpPr>
        <p:spPr>
          <a:xfrm>
            <a:off x="1206053" y="2426166"/>
            <a:ext cx="986376" cy="986376"/>
          </a:xfrm>
          <a:custGeom>
            <a:avLst/>
            <a:gdLst/>
            <a:ahLst/>
            <a:cxnLst/>
            <a:rect l="l" t="t" r="r" b="b"/>
            <a:pathLst>
              <a:path w="779744" h="779744" extrusionOk="0">
                <a:moveTo>
                  <a:pt x="0" y="0"/>
                </a:moveTo>
                <a:lnTo>
                  <a:pt x="779744" y="0"/>
                </a:lnTo>
                <a:lnTo>
                  <a:pt x="779744" y="779745"/>
                </a:lnTo>
                <a:lnTo>
                  <a:pt x="0" y="779745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4">
              <a:alphaModFix/>
            </a:blip>
            <a:stretch>
              <a:fillRect/>
            </a:stretch>
          </a:blipFill>
          <a:ln>
            <a:noFill/>
          </a:ln>
        </p:spPr>
      </p:sp>
      <p:sp>
        <p:nvSpPr>
          <p:cNvPr id="793" name="Google Shape;793;p63"/>
          <p:cNvSpPr/>
          <p:nvPr/>
        </p:nvSpPr>
        <p:spPr>
          <a:xfrm>
            <a:off x="4799699" y="4086500"/>
            <a:ext cx="1189212" cy="985559"/>
          </a:xfrm>
          <a:custGeom>
            <a:avLst/>
            <a:gdLst/>
            <a:ahLst/>
            <a:cxnLst/>
            <a:rect l="l" t="t" r="r" b="b"/>
            <a:pathLst>
              <a:path w="943819" h="782190" extrusionOk="0">
                <a:moveTo>
                  <a:pt x="0" y="0"/>
                </a:moveTo>
                <a:lnTo>
                  <a:pt x="943819" y="0"/>
                </a:lnTo>
                <a:lnTo>
                  <a:pt x="943819" y="782190"/>
                </a:lnTo>
                <a:lnTo>
                  <a:pt x="0" y="78219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5">
              <a:alphaModFix/>
            </a:blip>
            <a:stretch>
              <a:fillRect/>
            </a:stretch>
          </a:blipFill>
          <a:ln>
            <a:noFill/>
          </a:ln>
        </p:spPr>
      </p:sp>
      <p:pic>
        <p:nvPicPr>
          <p:cNvPr id="794" name="Google Shape;794;p63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79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9" name="Google Shape;799;p64"/>
          <p:cNvSpPr/>
          <p:nvPr/>
        </p:nvSpPr>
        <p:spPr>
          <a:xfrm>
            <a:off x="-7625" y="0"/>
            <a:ext cx="12207240" cy="6866573"/>
          </a:xfrm>
          <a:custGeom>
            <a:avLst/>
            <a:gdLst/>
            <a:ahLst/>
            <a:cxnLst/>
            <a:rect l="l" t="t" r="r" b="b"/>
            <a:pathLst>
              <a:path w="18288000" h="10287000" extrusionOk="0">
                <a:moveTo>
                  <a:pt x="0" y="0"/>
                </a:moveTo>
                <a:lnTo>
                  <a:pt x="18288000" y="0"/>
                </a:lnTo>
                <a:lnTo>
                  <a:pt x="18288000" y="10287000"/>
                </a:lnTo>
                <a:lnTo>
                  <a:pt x="0" y="10287000"/>
                </a:lnTo>
                <a:lnTo>
                  <a:pt x="0" y="0"/>
                </a:lnTo>
                <a:close/>
              </a:path>
            </a:pathLst>
          </a:custGeom>
          <a:blipFill rotWithShape="1">
            <a:blip r:embed="rId3">
              <a:alphaModFix/>
            </a:blip>
            <a:stretch>
              <a:fillRect t="-9269" b="-9269"/>
            </a:stretch>
          </a:blipFill>
          <a:ln>
            <a:noFill/>
          </a:ln>
        </p:spPr>
      </p:sp>
      <p:sp>
        <p:nvSpPr>
          <p:cNvPr id="800" name="Google Shape;800;p64"/>
          <p:cNvSpPr/>
          <p:nvPr/>
        </p:nvSpPr>
        <p:spPr>
          <a:xfrm>
            <a:off x="0" y="2199600"/>
            <a:ext cx="12192000" cy="24588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01" name="Google Shape;801;p64"/>
          <p:cNvSpPr txBox="1"/>
          <p:nvPr/>
        </p:nvSpPr>
        <p:spPr>
          <a:xfrm>
            <a:off x="1972800" y="714875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3000" b="1">
                <a:solidFill>
                  <a:schemeClr val="dk1"/>
                </a:solidFill>
                <a:highlight>
                  <a:schemeClr val="accent1"/>
                </a:highlight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3000" b="1" i="0" u="none" strike="noStrike" cap="none">
              <a:solidFill>
                <a:schemeClr val="dk1"/>
              </a:solidFill>
              <a:highlight>
                <a:schemeClr val="accent1"/>
              </a:highlight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802" name="Google Shape;802;p64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03" name="Google Shape;803;p64"/>
          <p:cNvSpPr txBox="1"/>
          <p:nvPr/>
        </p:nvSpPr>
        <p:spPr>
          <a:xfrm>
            <a:off x="471600" y="2773350"/>
            <a:ext cx="11248800" cy="13113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0" algn="ctr" rtl="0">
              <a:lnSpc>
                <a:spcPct val="115000"/>
              </a:lnSpc>
              <a:spcBef>
                <a:spcPts val="1500"/>
              </a:spcBef>
              <a:spcAft>
                <a:spcPts val="1000"/>
              </a:spcAft>
              <a:buNone/>
            </a:pPr>
            <a:r>
              <a:rPr lang="cs-CZ" sz="24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umo strategijų personalizavimas </a:t>
            </a:r>
            <a:r>
              <a:rPr lang="cs-CZ" sz="24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yra labai svarbus prisitaikant prie besimokančiųjų </a:t>
            </a:r>
            <a:r>
              <a:rPr lang="cs-CZ" sz="24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irtingų poreikių ir mokymosi būdų.</a:t>
            </a:r>
            <a:r>
              <a:rPr lang="cs-CZ" sz="24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Štai kelios </a:t>
            </a:r>
            <a:r>
              <a:rPr lang="cs-CZ" sz="2400" b="1" i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efektyvios strategijos ir technikos</a:t>
            </a:r>
            <a:r>
              <a:rPr lang="cs-CZ" sz="24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įtraukumo didinimui.</a:t>
            </a:r>
            <a:endParaRPr sz="2400" i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804" name="Google Shape;804;p64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0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09" name="Google Shape;809;p65"/>
          <p:cNvPicPr preferRelativeResize="0"/>
          <p:nvPr/>
        </p:nvPicPr>
        <p:blipFill>
          <a:blip r:embed="rId3">
            <a:alphaModFix/>
          </a:blip>
          <a:stretch>
            <a:fillRect/>
          </a:stretch>
        </p:blipFill>
        <p:spPr>
          <a:xfrm>
            <a:off x="-474426" y="1173701"/>
            <a:ext cx="6391274" cy="4793450"/>
          </a:xfrm>
          <a:prstGeom prst="rect">
            <a:avLst/>
          </a:prstGeom>
          <a:noFill/>
          <a:ln>
            <a:noFill/>
          </a:ln>
        </p:spPr>
      </p:pic>
      <p:sp>
        <p:nvSpPr>
          <p:cNvPr id="810" name="Google Shape;810;p65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27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11" name="Google Shape;811;p65"/>
          <p:cNvGrpSpPr/>
          <p:nvPr/>
        </p:nvGrpSpPr>
        <p:grpSpPr>
          <a:xfrm>
            <a:off x="5470010" y="950514"/>
            <a:ext cx="1251984" cy="358200"/>
            <a:chOff x="5470062" y="1167647"/>
            <a:chExt cx="1251984" cy="358200"/>
          </a:xfrm>
        </p:grpSpPr>
        <p:sp>
          <p:nvSpPr>
            <p:cNvPr id="812" name="Google Shape;812;p6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13" name="Google Shape;813;p6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14" name="Google Shape;814;p6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15" name="Google Shape;815;p65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16" name="Google Shape;816;p65"/>
          <p:cNvSpPr txBox="1"/>
          <p:nvPr/>
        </p:nvSpPr>
        <p:spPr>
          <a:xfrm>
            <a:off x="5470000" y="1978200"/>
            <a:ext cx="6206100" cy="3382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1. Mokymosi stiliai:</a:t>
            </a:r>
            <a:b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sz="10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u="sng"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nustatykite skirtingus mokymosi stilius (regimąjį, girdimąjį, kinestetinį) ir pritaikykite juos veiklai atlikti.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latin typeface="Philosopher"/>
                <a:ea typeface="Philosopher"/>
                <a:cs typeface="Philosopher"/>
                <a:sym typeface="Philosopher"/>
              </a:rPr>
              <a:t>Technikos:</a:t>
            </a:r>
            <a:r>
              <a:rPr lang="cs-CZ" sz="2200" b="1"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latin typeface="Philosopher"/>
                <a:ea typeface="Philosopher"/>
                <a:cs typeface="Philosopher"/>
                <a:sym typeface="Philosopher"/>
              </a:rPr>
              <a:t>pateikite vaizdinės medžiagos, įtraukite garso elementų ir praktinių užduočių, kad būtų pritaikyta įvairiems mokymosi pageidavimams.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817" name="Google Shape;817;p65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  <p:sp>
        <p:nvSpPr>
          <p:cNvPr id="818" name="Google Shape;818;p65"/>
          <p:cNvSpPr/>
          <p:nvPr/>
        </p:nvSpPr>
        <p:spPr>
          <a:xfrm>
            <a:off x="853113" y="3228250"/>
            <a:ext cx="3736200" cy="669000"/>
          </a:xfrm>
          <a:prstGeom prst="rect">
            <a:avLst/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endParaRPr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819" name="Google Shape;819;p65"/>
          <p:cNvSpPr txBox="1"/>
          <p:nvPr/>
        </p:nvSpPr>
        <p:spPr>
          <a:xfrm>
            <a:off x="1009263" y="3331900"/>
            <a:ext cx="3423900" cy="46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Regimasis, girdimasis, kinestetinis</a:t>
            </a:r>
            <a:endParaRPr sz="1800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</p:cSld>
  <p:clrMapOvr>
    <a:masterClrMapping/>
  </p:clrMapOvr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2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24" name="Google Shape;824;p66"/>
          <p:cNvPicPr preferRelativeResize="0"/>
          <p:nvPr/>
        </p:nvPicPr>
        <p:blipFill rotWithShape="1">
          <a:blip r:embed="rId3">
            <a:alphaModFix amt="23000"/>
          </a:blip>
          <a:srcRect t="16254"/>
          <a:stretch/>
        </p:blipFill>
        <p:spPr>
          <a:xfrm>
            <a:off x="-25" y="55500"/>
            <a:ext cx="12192000" cy="6802500"/>
          </a:xfrm>
          <a:prstGeom prst="rect">
            <a:avLst/>
          </a:prstGeom>
          <a:noFill/>
          <a:ln>
            <a:noFill/>
          </a:ln>
        </p:spPr>
      </p:pic>
      <p:sp>
        <p:nvSpPr>
          <p:cNvPr id="825" name="Google Shape;825;p66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26" name="Google Shape;826;p66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27" name="Google Shape;827;p6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28" name="Google Shape;828;p6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29" name="Google Shape;829;p6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30" name="Google Shape;830;p66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31" name="Google Shape;831;p66"/>
          <p:cNvSpPr txBox="1"/>
          <p:nvPr/>
        </p:nvSpPr>
        <p:spPr>
          <a:xfrm>
            <a:off x="3719225" y="1773550"/>
            <a:ext cx="4753500" cy="477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2. Pritaikymo būdai: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32" name="Google Shape;832;p66"/>
          <p:cNvSpPr txBox="1"/>
          <p:nvPr/>
        </p:nvSpPr>
        <p:spPr>
          <a:xfrm>
            <a:off x="914125" y="3429000"/>
            <a:ext cx="3884100" cy="169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</a:t>
            </a: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tsižvelgdami į besimokančiųjų interesus ir stipriąsias puses, leiskite jiems pasirinkti mokymosi stilių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33" name="Google Shape;833;p66"/>
          <p:cNvSpPr txBox="1"/>
          <p:nvPr/>
        </p:nvSpPr>
        <p:spPr>
          <a:xfrm>
            <a:off x="7689750" y="2583150"/>
            <a:ext cx="4034400" cy="169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os:</a:t>
            </a: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iūlykite įvairias temas arba leiskite besimokantiesiems pasirinkti projektus pagal jų interesus.</a:t>
            </a:r>
            <a:endParaRPr/>
          </a:p>
        </p:txBody>
      </p:sp>
      <p:pic>
        <p:nvPicPr>
          <p:cNvPr id="834" name="Google Shape;834;p66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3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39" name="Google Shape;839;p67"/>
          <p:cNvPicPr preferRelativeResize="0"/>
          <p:nvPr/>
        </p:nvPicPr>
        <p:blipFill rotWithShape="1">
          <a:blip r:embed="rId3">
            <a:alphaModFix amt="47000"/>
          </a:blip>
          <a:srcRect t="17409"/>
          <a:stretch/>
        </p:blipFill>
        <p:spPr>
          <a:xfrm>
            <a:off x="0" y="0"/>
            <a:ext cx="12192000" cy="6906576"/>
          </a:xfrm>
          <a:prstGeom prst="rect">
            <a:avLst/>
          </a:prstGeom>
          <a:noFill/>
          <a:ln>
            <a:noFill/>
          </a:ln>
        </p:spPr>
      </p:pic>
      <p:sp>
        <p:nvSpPr>
          <p:cNvPr id="840" name="Google Shape;840;p67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41" name="Google Shape;841;p67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42" name="Google Shape;842;p67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43" name="Google Shape;843;p67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44" name="Google Shape;844;p67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45" name="Google Shape;845;p67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46" name="Google Shape;846;p67"/>
          <p:cNvSpPr txBox="1"/>
          <p:nvPr/>
        </p:nvSpPr>
        <p:spPr>
          <a:xfrm>
            <a:off x="2031300" y="1849088"/>
            <a:ext cx="8129400" cy="477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3. Pasirinkimas ir autonomija:</a:t>
            </a:r>
            <a:endParaRPr sz="22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47" name="Google Shape;847;p67"/>
          <p:cNvSpPr txBox="1"/>
          <p:nvPr/>
        </p:nvSpPr>
        <p:spPr>
          <a:xfrm>
            <a:off x="7351100" y="2896575"/>
            <a:ext cx="4533600" cy="2081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os:</a:t>
            </a:r>
            <a:r>
              <a:rPr lang="cs-CZ" sz="22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leiskite besimokantiesiems pasirinkti vieną iš kelių projekto temų arba patiems nuspręsti, kaip pademonstruos turimas žinias.</a:t>
            </a:r>
            <a:endParaRPr/>
          </a:p>
        </p:txBody>
      </p:sp>
      <p:sp>
        <p:nvSpPr>
          <p:cNvPr id="848" name="Google Shape;848;p67"/>
          <p:cNvSpPr txBox="1"/>
          <p:nvPr/>
        </p:nvSpPr>
        <p:spPr>
          <a:xfrm>
            <a:off x="768600" y="2896575"/>
            <a:ext cx="4126200" cy="169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teikite besimokantiesiems galimybes rinktis užduotis ir veiklas, skatinkite atsakomybės jausmą.</a:t>
            </a:r>
            <a:endParaRPr/>
          </a:p>
        </p:txBody>
      </p:sp>
      <p:pic>
        <p:nvPicPr>
          <p:cNvPr id="849" name="Google Shape;849;p67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54" name="Google Shape;854;p68"/>
          <p:cNvPicPr preferRelativeResize="0"/>
          <p:nvPr/>
        </p:nvPicPr>
        <p:blipFill>
          <a:blip r:embed="rId3">
            <a:alphaModFix amt="65000"/>
          </a:blip>
          <a:stretch>
            <a:fillRect/>
          </a:stretch>
        </p:blipFill>
        <p:spPr>
          <a:xfrm>
            <a:off x="5922826" y="2208825"/>
            <a:ext cx="6070925" cy="4040950"/>
          </a:xfrm>
          <a:prstGeom prst="rect">
            <a:avLst/>
          </a:prstGeom>
          <a:noFill/>
          <a:ln>
            <a:noFill/>
          </a:ln>
        </p:spPr>
      </p:pic>
      <p:sp>
        <p:nvSpPr>
          <p:cNvPr id="855" name="Google Shape;855;p68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56" name="Google Shape;856;p68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57" name="Google Shape;857;p68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58" name="Google Shape;858;p68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59" name="Google Shape;859;p68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60" name="Google Shape;860;p68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61" name="Google Shape;861;p68"/>
          <p:cNvSpPr txBox="1"/>
          <p:nvPr/>
        </p:nvSpPr>
        <p:spPr>
          <a:xfrm>
            <a:off x="3526650" y="1467200"/>
            <a:ext cx="5138700" cy="477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4. Kultūrinis jautrumas:</a:t>
            </a:r>
            <a:endParaRPr sz="20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62" name="Google Shape;862;p68"/>
          <p:cNvSpPr txBox="1"/>
          <p:nvPr/>
        </p:nvSpPr>
        <p:spPr>
          <a:xfrm>
            <a:off x="881675" y="2703188"/>
            <a:ext cx="4841400" cy="3052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rodykite pagarbą besimokančiųjų kultūrinei aplinkai per įvairių perspektyvų ir šaltinių integravimą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os: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įtraukite įvairių kultūrų pavyzdžių, atvejų analizių ir turinio, kad padidintumėte aktualumą ir įtrauktį.</a:t>
            </a:r>
            <a:endParaRPr/>
          </a:p>
        </p:txBody>
      </p:sp>
      <p:pic>
        <p:nvPicPr>
          <p:cNvPr id="863" name="Google Shape;863;p68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6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68" name="Google Shape;868;p69"/>
          <p:cNvPicPr preferRelativeResize="0"/>
          <p:nvPr/>
        </p:nvPicPr>
        <p:blipFill rotWithShape="1">
          <a:blip r:embed="rId3">
            <a:alphaModFix amt="46000"/>
          </a:blip>
          <a:srcRect t="10470" r="8508" b="21050"/>
          <a:stretch/>
        </p:blipFill>
        <p:spPr>
          <a:xfrm>
            <a:off x="3651475" y="447475"/>
            <a:ext cx="8616875" cy="6449075"/>
          </a:xfrm>
          <a:prstGeom prst="rect">
            <a:avLst/>
          </a:prstGeom>
          <a:noFill/>
          <a:ln>
            <a:noFill/>
          </a:ln>
        </p:spPr>
      </p:pic>
      <p:sp>
        <p:nvSpPr>
          <p:cNvPr id="869" name="Google Shape;869;p69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70" name="Google Shape;870;p69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71" name="Google Shape;871;p6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72" name="Google Shape;872;p6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73" name="Google Shape;873;p6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74" name="Google Shape;874;p69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75" name="Google Shape;875;p69"/>
          <p:cNvSpPr txBox="1"/>
          <p:nvPr/>
        </p:nvSpPr>
        <p:spPr>
          <a:xfrm>
            <a:off x="3235050" y="1500225"/>
            <a:ext cx="5721900" cy="477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5. Asmeniniai mokymosi tikslai:</a:t>
            </a:r>
            <a:endParaRPr sz="22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876" name="Google Shape;876;p69"/>
          <p:cNvSpPr txBox="1"/>
          <p:nvPr/>
        </p:nvSpPr>
        <p:spPr>
          <a:xfrm>
            <a:off x="612900" y="2057000"/>
            <a:ext cx="4415400" cy="2081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atinkite besimokančiuosius savarankiškai nustatyti mokymosi tikslus, kad mokymosi patirtis būtų prasmingesnė.</a:t>
            </a:r>
            <a:endParaRPr/>
          </a:p>
        </p:txBody>
      </p:sp>
      <p:sp>
        <p:nvSpPr>
          <p:cNvPr id="877" name="Google Shape;877;p69"/>
          <p:cNvSpPr txBox="1"/>
          <p:nvPr/>
        </p:nvSpPr>
        <p:spPr>
          <a:xfrm>
            <a:off x="612900" y="4029925"/>
            <a:ext cx="4512900" cy="2081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os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prašykite besimokančiųjų apibrėžti, ką jie nori pasiekti ir kaip ketina tai padaryti, derindami išsikeltus ir mokomo dalyko tikslus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878" name="Google Shape;878;p69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8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83" name="Google Shape;883;p70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84" name="Google Shape;884;p70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85" name="Google Shape;885;p7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86" name="Google Shape;886;p7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887" name="Google Shape;887;p7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888" name="Google Shape;888;p70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889" name="Google Shape;889;p70"/>
          <p:cNvSpPr txBox="1"/>
          <p:nvPr/>
        </p:nvSpPr>
        <p:spPr>
          <a:xfrm>
            <a:off x="824825" y="2270475"/>
            <a:ext cx="5344800" cy="3594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6. Pritaikomas turinys:</a:t>
            </a:r>
            <a:endParaRPr sz="25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udokite mokymosi platformas, kurios pritaiko turinį pagal besimokančiųjų rezultatus ir pažangą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os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naudokite platformas, kurios analizuoja besimokančiųjų atsakymus ir pritaiko tolesnį turinį probleminėms sritims tobulinti.</a:t>
            </a:r>
            <a:endParaRPr sz="2200" b="1"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890" name="Google Shape;890;p70"/>
          <p:cNvPicPr preferRelativeResize="0"/>
          <p:nvPr/>
        </p:nvPicPr>
        <p:blipFill>
          <a:blip r:embed="rId4">
            <a:alphaModFix amt="32000"/>
          </a:blip>
          <a:stretch>
            <a:fillRect/>
          </a:stretch>
        </p:blipFill>
        <p:spPr>
          <a:xfrm>
            <a:off x="6313865" y="1509450"/>
            <a:ext cx="5344747" cy="4891351"/>
          </a:xfrm>
          <a:prstGeom prst="rect">
            <a:avLst/>
          </a:prstGeom>
          <a:noFill/>
          <a:ln>
            <a:noFill/>
          </a:ln>
        </p:spPr>
      </p:pic>
      <p:pic>
        <p:nvPicPr>
          <p:cNvPr id="891" name="Google Shape;891;p7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7" name="Google Shape;107;p17" descr="A person walking on a beach&#10;&#10;Description automatically generated with medium confidence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t="7812" b="7813"/>
          <a:stretch/>
        </p:blipFill>
        <p:spPr>
          <a:xfrm>
            <a:off x="0" y="0"/>
            <a:ext cx="12191999" cy="6858001"/>
          </a:xfrm>
          <a:prstGeom prst="rect">
            <a:avLst/>
          </a:prstGeom>
          <a:noFill/>
          <a:ln>
            <a:noFill/>
          </a:ln>
        </p:spPr>
      </p:pic>
      <p:sp>
        <p:nvSpPr>
          <p:cNvPr id="108" name="Google Shape;108;p17"/>
          <p:cNvSpPr/>
          <p:nvPr/>
        </p:nvSpPr>
        <p:spPr>
          <a:xfrm rot="10800000">
            <a:off x="163050" y="118850"/>
            <a:ext cx="4539900" cy="39780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09" name="Google Shape;109;p17"/>
          <p:cNvSpPr txBox="1"/>
          <p:nvPr/>
        </p:nvSpPr>
        <p:spPr>
          <a:xfrm>
            <a:off x="245100" y="184400"/>
            <a:ext cx="4375800" cy="3846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Švietėjų vaidmuo keičiasi iš informacijos teikėjo į įgūdžių ugdytojo; </a:t>
            </a:r>
            <a:endParaRPr sz="25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grindinis švietėjo vaidmuo yra ugdyti besimokančiųjų kritinį mąstymą, problemų sprendimą ir gebėjimą prisitaikyti.</a:t>
            </a:r>
            <a:endParaRPr sz="25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10" name="Google Shape;110;p17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304800" y="6454100"/>
            <a:ext cx="1143767" cy="249086"/>
          </a:xfrm>
          <a:prstGeom prst="rect">
            <a:avLst/>
          </a:prstGeom>
          <a:noFill/>
          <a:ln>
            <a:noFill/>
          </a:ln>
        </p:spPr>
      </p:pic>
      <p:sp>
        <p:nvSpPr>
          <p:cNvPr id="111" name="Google Shape;111;p17"/>
          <p:cNvSpPr/>
          <p:nvPr/>
        </p:nvSpPr>
        <p:spPr>
          <a:xfrm rot="10800000">
            <a:off x="7497675" y="3322250"/>
            <a:ext cx="4390200" cy="32076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12" name="Google Shape;112;p17"/>
          <p:cNvSpPr txBox="1"/>
          <p:nvPr/>
        </p:nvSpPr>
        <p:spPr>
          <a:xfrm>
            <a:off x="7589950" y="3352800"/>
            <a:ext cx="4221600" cy="287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5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siėmimai skaitmeninėje aplinkoje gali padėti suaugusiųjų švietėjams ugdyti reikiamus įgūdžius ir pasiekti tuos, kuriems švietimo sistema nėra pakankamai prieinama.</a:t>
            </a:r>
            <a:endParaRPr sz="2500"/>
          </a:p>
        </p:txBody>
      </p:sp>
      <p:sp>
        <p:nvSpPr>
          <p:cNvPr id="113" name="Google Shape;113;p17"/>
          <p:cNvSpPr/>
          <p:nvPr/>
        </p:nvSpPr>
        <p:spPr>
          <a:xfrm>
            <a:off x="6959025" y="317200"/>
            <a:ext cx="3625500" cy="2365500"/>
          </a:xfrm>
          <a:prstGeom prst="ellipse">
            <a:avLst/>
          </a:prstGeom>
          <a:solidFill>
            <a:srgbClr val="FFE599"/>
          </a:solidFill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14" name="Google Shape;114;p17"/>
          <p:cNvSpPr txBox="1"/>
          <p:nvPr/>
        </p:nvSpPr>
        <p:spPr>
          <a:xfrm>
            <a:off x="7262975" y="786050"/>
            <a:ext cx="3066300" cy="1644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augiau apie skaitmeninę aplinką (EN, galimi LT subtitrai): </a:t>
            </a:r>
            <a:r>
              <a:rPr lang="cs-CZ" sz="1800" b="1" u="sng">
                <a:solidFill>
                  <a:schemeClr val="hlink"/>
                </a:solidFill>
                <a:latin typeface="Philosopher"/>
                <a:ea typeface="Philosopher"/>
                <a:cs typeface="Philosopher"/>
                <a:sym typeface="Philosopher"/>
                <a:hlinkClick r:id="rId5"/>
              </a:rPr>
              <a:t>https://www.youtube.com/watch?v=-7UI-dTbMr0</a:t>
            </a:r>
            <a:endParaRPr sz="18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15" name="Google Shape;115;p17"/>
          <p:cNvPicPr preferRelativeResize="0"/>
          <p:nvPr/>
        </p:nvPicPr>
        <p:blipFill>
          <a:blip r:embed="rId6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89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96" name="Google Shape;896;p71"/>
          <p:cNvPicPr preferRelativeResize="0"/>
          <p:nvPr/>
        </p:nvPicPr>
        <p:blipFill rotWithShape="1">
          <a:blip r:embed="rId3">
            <a:alphaModFix amt="17000"/>
          </a:blip>
          <a:srcRect b="9140"/>
          <a:stretch/>
        </p:blipFill>
        <p:spPr>
          <a:xfrm>
            <a:off x="0" y="-65762"/>
            <a:ext cx="12192000" cy="6923762"/>
          </a:xfrm>
          <a:prstGeom prst="rect">
            <a:avLst/>
          </a:prstGeom>
          <a:noFill/>
          <a:ln>
            <a:noFill/>
          </a:ln>
        </p:spPr>
      </p:pic>
      <p:sp>
        <p:nvSpPr>
          <p:cNvPr id="897" name="Google Shape;897;p71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898" name="Google Shape;898;p71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899" name="Google Shape;899;p71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00" name="Google Shape;900;p71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01" name="Google Shape;901;p71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02" name="Google Shape;902;p71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03" name="Google Shape;903;p71"/>
          <p:cNvSpPr txBox="1"/>
          <p:nvPr/>
        </p:nvSpPr>
        <p:spPr>
          <a:xfrm>
            <a:off x="442050" y="1509575"/>
            <a:ext cx="4764600" cy="507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7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7. Pastoliai:</a:t>
            </a:r>
            <a:endParaRPr sz="22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04" name="Google Shape;904;p71"/>
          <p:cNvSpPr txBox="1"/>
          <p:nvPr/>
        </p:nvSpPr>
        <p:spPr>
          <a:xfrm>
            <a:off x="3857450" y="4312575"/>
            <a:ext cx="5443800" cy="169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os: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radėkite nuo paprastesnių užduočių ir palaipsniui didinkite jų sudėtingumą, kad besimokantieji galėtų palaipsniui ugdyti įgūdžius.</a:t>
            </a:r>
            <a:endParaRPr sz="2200"/>
          </a:p>
        </p:txBody>
      </p:sp>
      <p:sp>
        <p:nvSpPr>
          <p:cNvPr id="905" name="Google Shape;905;p71"/>
          <p:cNvSpPr txBox="1"/>
          <p:nvPr/>
        </p:nvSpPr>
        <p:spPr>
          <a:xfrm>
            <a:off x="4845675" y="2513875"/>
            <a:ext cx="5028600" cy="169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ikite struktūruotą paramą, ir palaipsniui ją mažinkite, nes besimokantieji vis labiau pasitikės savimi.</a:t>
            </a:r>
            <a:endParaRPr/>
          </a:p>
        </p:txBody>
      </p:sp>
      <p:pic>
        <p:nvPicPr>
          <p:cNvPr id="906" name="Google Shape;906;p71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1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11" name="Google Shape;911;p72"/>
          <p:cNvPicPr preferRelativeResize="0"/>
          <p:nvPr/>
        </p:nvPicPr>
        <p:blipFill rotWithShape="1">
          <a:blip r:embed="rId3">
            <a:alphaModFix amt="34000"/>
          </a:blip>
          <a:srcRect t="12061" b="3235"/>
          <a:stretch/>
        </p:blipFill>
        <p:spPr>
          <a:xfrm>
            <a:off x="0" y="-15025"/>
            <a:ext cx="12192000" cy="6888075"/>
          </a:xfrm>
          <a:prstGeom prst="rect">
            <a:avLst/>
          </a:prstGeom>
          <a:noFill/>
          <a:ln>
            <a:noFill/>
          </a:ln>
        </p:spPr>
      </p:pic>
      <p:sp>
        <p:nvSpPr>
          <p:cNvPr id="912" name="Google Shape;912;p72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13" name="Google Shape;913;p72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914" name="Google Shape;914;p72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15" name="Google Shape;915;p72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16" name="Google Shape;916;p72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17" name="Google Shape;917;p72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18" name="Google Shape;918;p72"/>
          <p:cNvSpPr txBox="1"/>
          <p:nvPr/>
        </p:nvSpPr>
        <p:spPr>
          <a:xfrm>
            <a:off x="3519300" y="1685625"/>
            <a:ext cx="5153400" cy="492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6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8. Įvairus įtraukimas:</a:t>
            </a:r>
            <a:endParaRPr sz="22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19" name="Google Shape;919;p72"/>
          <p:cNvSpPr txBox="1"/>
          <p:nvPr/>
        </p:nvSpPr>
        <p:spPr>
          <a:xfrm>
            <a:off x="7832800" y="4374625"/>
            <a:ext cx="3730200" cy="1908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os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erinkite viktorinas, rašinius, pristatymus ir projektus, kad besimokantieji galėtų įvairiais būdais pademonstruoti savo žinias.</a:t>
            </a:r>
            <a:endParaRPr sz="2000"/>
          </a:p>
        </p:txBody>
      </p:sp>
      <p:sp>
        <p:nvSpPr>
          <p:cNvPr id="920" name="Google Shape;920;p72"/>
          <p:cNvSpPr txBox="1"/>
          <p:nvPr/>
        </p:nvSpPr>
        <p:spPr>
          <a:xfrm>
            <a:off x="988650" y="4728625"/>
            <a:ext cx="3818100" cy="1200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asiūlykite įvairių vertinimo metodų, kurie atitiktų skirtingus mokymosi įgūdžius.</a:t>
            </a:r>
            <a:endParaRPr sz="2000"/>
          </a:p>
        </p:txBody>
      </p:sp>
      <p:pic>
        <p:nvPicPr>
          <p:cNvPr id="921" name="Google Shape;921;p72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2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26" name="Google Shape;926;p73"/>
          <p:cNvPicPr preferRelativeResize="0"/>
          <p:nvPr/>
        </p:nvPicPr>
        <p:blipFill rotWithShape="1">
          <a:blip r:embed="rId3">
            <a:alphaModFix/>
          </a:blip>
          <a:srcRect t="8687" b="3646"/>
          <a:stretch/>
        </p:blipFill>
        <p:spPr>
          <a:xfrm>
            <a:off x="1368975" y="1332625"/>
            <a:ext cx="9454041" cy="5525525"/>
          </a:xfrm>
          <a:prstGeom prst="rect">
            <a:avLst/>
          </a:prstGeom>
          <a:noFill/>
          <a:ln>
            <a:noFill/>
          </a:ln>
        </p:spPr>
      </p:pic>
      <p:sp>
        <p:nvSpPr>
          <p:cNvPr id="927" name="Google Shape;927;p73"/>
          <p:cNvSpPr txBox="1"/>
          <p:nvPr/>
        </p:nvSpPr>
        <p:spPr>
          <a:xfrm>
            <a:off x="1972800" y="55500"/>
            <a:ext cx="8246400" cy="855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25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28" name="Google Shape;928;p73"/>
          <p:cNvGrpSpPr/>
          <p:nvPr/>
        </p:nvGrpSpPr>
        <p:grpSpPr>
          <a:xfrm>
            <a:off x="5470010" y="809114"/>
            <a:ext cx="1251984" cy="358200"/>
            <a:chOff x="5470062" y="1167647"/>
            <a:chExt cx="1251984" cy="358200"/>
          </a:xfrm>
        </p:grpSpPr>
        <p:sp>
          <p:nvSpPr>
            <p:cNvPr id="929" name="Google Shape;929;p73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30" name="Google Shape;930;p73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31" name="Google Shape;931;p73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32" name="Google Shape;932;p73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33" name="Google Shape;933;p73"/>
          <p:cNvSpPr txBox="1"/>
          <p:nvPr/>
        </p:nvSpPr>
        <p:spPr>
          <a:xfrm>
            <a:off x="6938975" y="3864538"/>
            <a:ext cx="4907700" cy="461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4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9. Suasmenintas grįžtamasis ryšys:</a:t>
            </a:r>
            <a:endParaRPr sz="24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934" name="Google Shape;934;p73"/>
          <p:cNvSpPr txBox="1"/>
          <p:nvPr/>
        </p:nvSpPr>
        <p:spPr>
          <a:xfrm>
            <a:off x="2063275" y="1717175"/>
            <a:ext cx="3956400" cy="1200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os:</a:t>
            </a:r>
            <a:r>
              <a:rPr lang="cs-CZ" sz="20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brėžkite jų pasiekimus, aptarkite iššūkius ir pasiūlykite tobulinimo strategijas.</a:t>
            </a:r>
            <a:endParaRPr sz="2000"/>
          </a:p>
        </p:txBody>
      </p:sp>
      <p:sp>
        <p:nvSpPr>
          <p:cNvPr id="935" name="Google Shape;935;p73"/>
          <p:cNvSpPr txBox="1"/>
          <p:nvPr/>
        </p:nvSpPr>
        <p:spPr>
          <a:xfrm>
            <a:off x="6791925" y="1846075"/>
            <a:ext cx="3757500" cy="1554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teikite individualų grįžtamąjį ryšį,  atsižvelkite į besimokančiųjų stipriąsias ir tobulintinas sritis.</a:t>
            </a:r>
            <a:endParaRPr sz="2000"/>
          </a:p>
        </p:txBody>
      </p:sp>
      <p:pic>
        <p:nvPicPr>
          <p:cNvPr id="936" name="Google Shape;936;p73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40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41" name="Google Shape;941;p74"/>
          <p:cNvPicPr preferRelativeResize="0"/>
          <p:nvPr/>
        </p:nvPicPr>
        <p:blipFill rotWithShape="1">
          <a:blip r:embed="rId3">
            <a:alphaModFix/>
          </a:blip>
          <a:srcRect t="44264"/>
          <a:stretch/>
        </p:blipFill>
        <p:spPr>
          <a:xfrm>
            <a:off x="3398350" y="3836200"/>
            <a:ext cx="8141300" cy="3021800"/>
          </a:xfrm>
          <a:prstGeom prst="rect">
            <a:avLst/>
          </a:prstGeom>
          <a:noFill/>
          <a:ln>
            <a:noFill/>
          </a:ln>
        </p:spPr>
      </p:pic>
      <p:sp>
        <p:nvSpPr>
          <p:cNvPr id="942" name="Google Shape;942;p74"/>
          <p:cNvSpPr txBox="1"/>
          <p:nvPr/>
        </p:nvSpPr>
        <p:spPr>
          <a:xfrm>
            <a:off x="1972800" y="55500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43" name="Google Shape;943;p74"/>
          <p:cNvGrpSpPr/>
          <p:nvPr/>
        </p:nvGrpSpPr>
        <p:grpSpPr>
          <a:xfrm>
            <a:off x="5470010" y="961514"/>
            <a:ext cx="1251984" cy="358200"/>
            <a:chOff x="5470062" y="1167647"/>
            <a:chExt cx="1251984" cy="358200"/>
          </a:xfrm>
        </p:grpSpPr>
        <p:sp>
          <p:nvSpPr>
            <p:cNvPr id="944" name="Google Shape;944;p74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45" name="Google Shape;945;p74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46" name="Google Shape;946;p74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47" name="Google Shape;947;p74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48" name="Google Shape;948;p74"/>
          <p:cNvSpPr txBox="1"/>
          <p:nvPr/>
        </p:nvSpPr>
        <p:spPr>
          <a:xfrm>
            <a:off x="1084925" y="1629850"/>
            <a:ext cx="7826100" cy="2515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10. Į besimokantįjį orientuota veikla:</a:t>
            </a:r>
            <a:b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sz="5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tyvacijos ir įsitraukimo skatinimui kurkite veiklą pagal besimokančiųjų interesus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os:</a:t>
            </a:r>
            <a:r>
              <a:rPr lang="cs-CZ" sz="2200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traukite temas ir scenarijus, atitinkančius besimokančiųjų aistras ir gyvenimo aktualijas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949" name="Google Shape;949;p74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5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54" name="Google Shape;954;p75"/>
          <p:cNvPicPr preferRelativeResize="0"/>
          <p:nvPr/>
        </p:nvPicPr>
        <p:blipFill>
          <a:blip r:embed="rId3">
            <a:alphaModFix amt="24000"/>
          </a:blip>
          <a:stretch>
            <a:fillRect/>
          </a:stretch>
        </p:blipFill>
        <p:spPr>
          <a:xfrm>
            <a:off x="-44025" y="0"/>
            <a:ext cx="12192000" cy="6857999"/>
          </a:xfrm>
          <a:prstGeom prst="rect">
            <a:avLst/>
          </a:prstGeom>
          <a:noFill/>
          <a:ln>
            <a:noFill/>
          </a:ln>
        </p:spPr>
      </p:pic>
      <p:sp>
        <p:nvSpPr>
          <p:cNvPr id="955" name="Google Shape;955;p75"/>
          <p:cNvSpPr txBox="1"/>
          <p:nvPr/>
        </p:nvSpPr>
        <p:spPr>
          <a:xfrm>
            <a:off x="1972800" y="73963"/>
            <a:ext cx="8246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sonalizavimo strategijos ir pritaikymas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56" name="Google Shape;956;p75"/>
          <p:cNvGrpSpPr/>
          <p:nvPr/>
        </p:nvGrpSpPr>
        <p:grpSpPr>
          <a:xfrm>
            <a:off x="5425985" y="961514"/>
            <a:ext cx="1251984" cy="358200"/>
            <a:chOff x="5470062" y="1167647"/>
            <a:chExt cx="1251984" cy="358200"/>
          </a:xfrm>
        </p:grpSpPr>
        <p:sp>
          <p:nvSpPr>
            <p:cNvPr id="957" name="Google Shape;957;p75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58" name="Google Shape;958;p75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59" name="Google Shape;959;p75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60" name="Google Shape;960;p75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61" name="Google Shape;961;p75"/>
          <p:cNvSpPr txBox="1"/>
          <p:nvPr/>
        </p:nvSpPr>
        <p:spPr>
          <a:xfrm>
            <a:off x="1488000" y="2279875"/>
            <a:ext cx="9216000" cy="3331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ctr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  <a:t>11. Pritaikymas realiame gyvenime:</a:t>
            </a:r>
            <a:br>
              <a:rPr lang="cs-CZ" sz="2500" b="1">
                <a:solidFill>
                  <a:schemeClr val="accent2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 sz="2000" b="1">
              <a:solidFill>
                <a:schemeClr val="accent2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trategija:</a:t>
            </a:r>
            <a:r>
              <a:rPr lang="cs-CZ" sz="2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rodykite besimokantiesiems, kaip turinys pritaikomas realiame gyvenime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2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echnikos:</a:t>
            </a:r>
            <a:r>
              <a:rPr lang="cs-CZ" sz="2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asidalinkite atvejų analizėmis, pavyzdžiais ir sėkmės istorijomis demonstruojančiomis mokinamų dalykų reikšmingumą.</a:t>
            </a:r>
            <a:endParaRPr sz="22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962" name="Google Shape;962;p75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6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67" name="Google Shape;967;p76"/>
          <p:cNvSpPr txBox="1"/>
          <p:nvPr/>
        </p:nvSpPr>
        <p:spPr>
          <a:xfrm>
            <a:off x="1009800" y="73963"/>
            <a:ext cx="101724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ndradarbiavimo veikla: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dividualizuotų įtraukimo planų dalijimasis ir tobulinimas (1)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68" name="Google Shape;968;p76"/>
          <p:cNvGrpSpPr/>
          <p:nvPr/>
        </p:nvGrpSpPr>
        <p:grpSpPr>
          <a:xfrm>
            <a:off x="5470010" y="1113914"/>
            <a:ext cx="1251984" cy="358200"/>
            <a:chOff x="5470062" y="1167647"/>
            <a:chExt cx="1251984" cy="358200"/>
          </a:xfrm>
        </p:grpSpPr>
        <p:sp>
          <p:nvSpPr>
            <p:cNvPr id="969" name="Google Shape;969;p76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70" name="Google Shape;970;p76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71" name="Google Shape;971;p76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72" name="Google Shape;972;p76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73" name="Google Shape;973;p76"/>
          <p:cNvSpPr txBox="1"/>
          <p:nvPr/>
        </p:nvSpPr>
        <p:spPr>
          <a:xfrm>
            <a:off x="693600" y="1846075"/>
            <a:ext cx="10804800" cy="3455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u="sng">
                <a:solidFill>
                  <a:schemeClr val="dk1"/>
                </a:solidFill>
                <a:highlight>
                  <a:srgbClr val="FFE77E"/>
                </a:highlight>
                <a:latin typeface="Philosopher"/>
                <a:ea typeface="Philosopher"/>
                <a:cs typeface="Philosopher"/>
                <a:sym typeface="Philosopher"/>
              </a:rPr>
              <a:t>Veiklos tikslas</a:t>
            </a:r>
            <a:r>
              <a:rPr lang="cs-CZ" sz="2000" b="1">
                <a:solidFill>
                  <a:schemeClr val="dk1"/>
                </a:solidFill>
                <a:highlight>
                  <a:srgbClr val="FFE77E"/>
                </a:highlight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- bendrai tobulinti dalyvavimo planus bendradarbiaujant ir pasitelkiant kolegų įžvalga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AutoNum type="arabicPeriod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skirstykite dalyvius į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ažas grupes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(3-4 žmonės). Tam, kad būtų užtikrinta mokymo kontekstų, patirčių ir dalykų įvairovė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chemeClr val="dk1"/>
              </a:buClr>
              <a:buSzPts val="2000"/>
              <a:buFont typeface="Philosopher"/>
              <a:buAutoNum type="arabicPeriod"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iekvienai grupei skirkite temą,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kuriai jie kurs ir tobulins veiklos planus;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marR="0" lvl="0" indent="-355600" algn="l" rtl="0">
              <a:lnSpc>
                <a:spcPct val="115000"/>
              </a:lnSpc>
              <a:spcBef>
                <a:spcPts val="1500"/>
              </a:spcBef>
              <a:spcAft>
                <a:spcPts val="1000"/>
              </a:spcAft>
              <a:buClr>
                <a:schemeClr val="dk1"/>
              </a:buClr>
              <a:buSzPts val="2000"/>
              <a:buFont typeface="Philosopher"/>
              <a:buAutoNum type="arabicPeriod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ažose grupelėse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alyviai pagal temą pakaitomis dalinasi individualizuotais įtraukumo planais.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Jie gali pateikti naudotų strategijų ir metodų apžvalgą. (</a:t>
            </a: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staba: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iekvieno dalyvio pristatymas trunka apie 2 minutes)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974" name="Google Shape;974;p76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7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79" name="Google Shape;979;p77"/>
          <p:cNvSpPr/>
          <p:nvPr/>
        </p:nvSpPr>
        <p:spPr>
          <a:xfrm>
            <a:off x="0" y="3294050"/>
            <a:ext cx="12192000" cy="27249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980" name="Google Shape;980;p77"/>
          <p:cNvSpPr txBox="1"/>
          <p:nvPr/>
        </p:nvSpPr>
        <p:spPr>
          <a:xfrm>
            <a:off x="1122900" y="73963"/>
            <a:ext cx="99462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ndradarbiavimo veikla: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dividualizuotų įtraukimo planų dalijimasis ir tobulinimas (2)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81" name="Google Shape;981;p77"/>
          <p:cNvGrpSpPr/>
          <p:nvPr/>
        </p:nvGrpSpPr>
        <p:grpSpPr>
          <a:xfrm>
            <a:off x="5470010" y="1113914"/>
            <a:ext cx="1251984" cy="358200"/>
            <a:chOff x="5470062" y="1167647"/>
            <a:chExt cx="1251984" cy="358200"/>
          </a:xfrm>
        </p:grpSpPr>
        <p:sp>
          <p:nvSpPr>
            <p:cNvPr id="982" name="Google Shape;982;p77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83" name="Google Shape;983;p77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84" name="Google Shape;984;p77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85" name="Google Shape;985;p77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86" name="Google Shape;986;p77"/>
          <p:cNvSpPr txBox="1"/>
          <p:nvPr/>
        </p:nvSpPr>
        <p:spPr>
          <a:xfrm>
            <a:off x="693600" y="1780050"/>
            <a:ext cx="10804800" cy="4957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4572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4.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 to, kai kiekvienas dalyvis pristato savo planą,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rupė dalyvauja diskusijoje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. Kiti grupės nariai siūlo konstruktyvius atsiliepimus, pasiūlymus ir įžvalgas, kad pagerintų pateiktas įtraukimo strategijas.</a:t>
            </a:r>
            <a:b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</a:br>
            <a:endParaRPr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Orientaciniai klausimai:</a:t>
            </a:r>
            <a:endParaRPr sz="2000" b="1" i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048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kie įtraukumo didinimo plano elementai atitinka mokymo kontekstą?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048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aip galima integruoti konkrečius personalizavimo metodus, geresniam įvairių besimokančiųjų poreikių patenkinimui?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048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r yra naujoviškų metodų, kuriuos būtų galima taikyti siekiant sustiprinti įsitraukimą?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1" indent="-3048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rgbClr val="374151"/>
              </a:buClr>
              <a:buSzPts val="1200"/>
              <a:buFont typeface="Roboto"/>
              <a:buChar char="●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kie iššūkiai gali kilti įgyvendinant šias strategijas ir kaip juos sumažinti?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914400" lvl="0" indent="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987" name="Google Shape;987;p77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99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92" name="Google Shape;992;p78"/>
          <p:cNvSpPr txBox="1"/>
          <p:nvPr/>
        </p:nvSpPr>
        <p:spPr>
          <a:xfrm>
            <a:off x="1343850" y="73963"/>
            <a:ext cx="9504300" cy="10707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ndradarbiavimo veikla: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7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ndividualizuotų įtraukimo planų dalijimasis ir tobulinimas (3)</a:t>
            </a:r>
            <a:endParaRPr sz="27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993" name="Google Shape;993;p78"/>
          <p:cNvGrpSpPr/>
          <p:nvPr/>
        </p:nvGrpSpPr>
        <p:grpSpPr>
          <a:xfrm>
            <a:off x="5470010" y="1113914"/>
            <a:ext cx="1251984" cy="358200"/>
            <a:chOff x="5470062" y="1167647"/>
            <a:chExt cx="1251984" cy="358200"/>
          </a:xfrm>
        </p:grpSpPr>
        <p:sp>
          <p:nvSpPr>
            <p:cNvPr id="994" name="Google Shape;994;p78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95" name="Google Shape;995;p78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996" name="Google Shape;996;p78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997" name="Google Shape;997;p78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998" name="Google Shape;998;p78"/>
          <p:cNvSpPr txBox="1"/>
          <p:nvPr/>
        </p:nvSpPr>
        <p:spPr>
          <a:xfrm>
            <a:off x="1188150" y="1765375"/>
            <a:ext cx="9815700" cy="36171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lvl="0" indent="4572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5.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Gavę grįžtamąjį ryšį dalyviai turi per kelias minutes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eržiūrėti ir patobulinti savo įtraukumo didinimo planus.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Tai turi padaryti atsižvelgdami į grupinės diskusijos metu išsakytas mintis. (</a:t>
            </a:r>
            <a:r>
              <a:rPr lang="cs-CZ" sz="2000" b="1" i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staba: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pabrėžkite, kad dalyviai gali pritaikyti grįžtamąjį ryšį pagal pasirinktą mokymo stilių ir besimokančiųjų savybes)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457200" algn="l" rtl="0">
              <a:lnSpc>
                <a:spcPct val="115000"/>
              </a:lnSpc>
              <a:spcBef>
                <a:spcPts val="1500"/>
              </a:spcBef>
              <a:spcAft>
                <a:spcPts val="0"/>
              </a:spcAft>
              <a:buNone/>
            </a:pP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6.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alyviai vėl susirenka į grupes.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iekviena maža grupė pasirenka vieną įtraukimo planą, kuris buvo patobulintas pagal gautus atsiliepimus.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Vienas atstovas iš kiekvienos grupės trumpai dalijasi 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tikslintu planu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su visa auditorija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l" rtl="0">
              <a:lnSpc>
                <a:spcPct val="115000"/>
              </a:lnSpc>
              <a:spcBef>
                <a:spcPts val="1500"/>
              </a:spcBef>
              <a:spcAft>
                <a:spcPts val="1500"/>
              </a:spcAft>
              <a:buNone/>
            </a:pPr>
            <a:r>
              <a:rPr lang="cs-CZ" sz="2000" b="1" u="sng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Refleksija:</a:t>
            </a:r>
            <a:r>
              <a:rPr lang="cs-CZ" sz="2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o kiekvieno pristatymo klauskite kaip sekėsi bendradarbiauti grupėje ir kokia kolegų atsiliepimų vertė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999" name="Google Shape;999;p78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03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04" name="Google Shape;1004;p79" descr="A picture containing yellow&#10;&#10;Description automatically generated"/>
          <p:cNvPicPr preferRelativeResize="0">
            <a:picLocks noGrp="1"/>
          </p:cNvPicPr>
          <p:nvPr>
            <p:ph type="pic" idx="2"/>
          </p:nvPr>
        </p:nvPicPr>
        <p:blipFill rotWithShape="1">
          <a:blip r:embed="rId3">
            <a:alphaModFix/>
          </a:blip>
          <a:srcRect l="28722" r="28722"/>
          <a:stretch/>
        </p:blipFill>
        <p:spPr>
          <a:xfrm>
            <a:off x="627063" y="0"/>
            <a:ext cx="2917825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1005" name="Google Shape;1005;p79"/>
          <p:cNvSpPr txBox="1"/>
          <p:nvPr/>
        </p:nvSpPr>
        <p:spPr>
          <a:xfrm>
            <a:off x="6216246" y="701602"/>
            <a:ext cx="3044700" cy="367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4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DUK</a:t>
            </a:r>
            <a:endParaRPr sz="40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006" name="Google Shape;1006;p79"/>
          <p:cNvGrpSpPr/>
          <p:nvPr/>
        </p:nvGrpSpPr>
        <p:grpSpPr>
          <a:xfrm>
            <a:off x="7112674" y="1329442"/>
            <a:ext cx="1251876" cy="358096"/>
            <a:chOff x="5470062" y="1167647"/>
            <a:chExt cx="1251876" cy="358096"/>
          </a:xfrm>
        </p:grpSpPr>
        <p:sp>
          <p:nvSpPr>
            <p:cNvPr id="1007" name="Google Shape;1007;p79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08" name="Google Shape;1008;p79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09" name="Google Shape;1009;p79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sp>
        <p:nvSpPr>
          <p:cNvPr id="1010" name="Google Shape;1010;p79"/>
          <p:cNvSpPr txBox="1"/>
          <p:nvPr/>
        </p:nvSpPr>
        <p:spPr>
          <a:xfrm>
            <a:off x="5272999" y="5457537"/>
            <a:ext cx="6551671" cy="80966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marR="0" lvl="0" indent="0" algn="l" rtl="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000"/>
              <a:buFont typeface="Arial"/>
              <a:buNone/>
            </a:pPr>
            <a:endParaRPr sz="10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1011" name="Google Shape;1011;p79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012" name="Google Shape;1012;p79"/>
          <p:cNvSpPr txBox="1"/>
          <p:nvPr/>
        </p:nvSpPr>
        <p:spPr>
          <a:xfrm>
            <a:off x="3644537" y="2024744"/>
            <a:ext cx="8188234" cy="3247988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3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r turite</a:t>
            </a:r>
            <a:r>
              <a:rPr lang="cs-CZ" sz="3200" b="0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3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bet kokių klausimų</a:t>
            </a:r>
            <a:r>
              <a:rPr lang="cs-CZ" sz="3200" b="1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 </a:t>
            </a:r>
            <a:r>
              <a:rPr lang="cs-CZ" sz="3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sijusiu su mokymų turiniu</a:t>
            </a:r>
            <a:r>
              <a:rPr lang="cs-CZ" sz="3200" b="0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? </a:t>
            </a:r>
            <a:r>
              <a:rPr lang="cs-CZ" sz="3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lauskite</a:t>
            </a:r>
            <a:r>
              <a:rPr lang="cs-CZ" sz="3200" b="0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!</a:t>
            </a:r>
            <a:endParaRPr sz="3200" b="0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013" name="Google Shape;1013;p79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6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1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18" name="Google Shape;1018;p80"/>
          <p:cNvSpPr txBox="1"/>
          <p:nvPr/>
        </p:nvSpPr>
        <p:spPr>
          <a:xfrm>
            <a:off x="4573596" y="688927"/>
            <a:ext cx="3044807" cy="36718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40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rtinimas ir išvados</a:t>
            </a:r>
            <a:endParaRPr sz="40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019" name="Google Shape;1019;p80"/>
          <p:cNvGrpSpPr/>
          <p:nvPr/>
        </p:nvGrpSpPr>
        <p:grpSpPr>
          <a:xfrm>
            <a:off x="5470061" y="1709272"/>
            <a:ext cx="1251876" cy="358096"/>
            <a:chOff x="5470062" y="1167647"/>
            <a:chExt cx="1251876" cy="358096"/>
          </a:xfrm>
        </p:grpSpPr>
        <p:sp>
          <p:nvSpPr>
            <p:cNvPr id="1020" name="Google Shape;1020;p80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21" name="Google Shape;1021;p80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22" name="Google Shape;1022;p80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023" name="Google Shape;1023;p80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024" name="Google Shape;1024;p80"/>
          <p:cNvSpPr txBox="1"/>
          <p:nvPr/>
        </p:nvSpPr>
        <p:spPr>
          <a:xfrm>
            <a:off x="1287236" y="2229898"/>
            <a:ext cx="10395857" cy="306510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3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o šiandien išmokote? Kaip galėsite naujas žinias ir įgūdžius panaudoti ateityje?</a:t>
            </a:r>
            <a:endParaRPr/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endParaRPr sz="3200" b="0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400"/>
              <a:buFont typeface="Philosopher"/>
              <a:buNone/>
            </a:pPr>
            <a:r>
              <a:rPr lang="cs-CZ" sz="32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Užpildykite </a:t>
            </a:r>
            <a:r>
              <a:rPr lang="cs-CZ" sz="32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vertinimo apklausą</a:t>
            </a:r>
            <a:r>
              <a:rPr lang="cs-CZ" sz="3200" b="0" i="0" u="none" strike="noStrike" cap="none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!</a:t>
            </a:r>
            <a:endParaRPr sz="3200" b="0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025" name="Google Shape;1025;p80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0" name="Google Shape;120;p18"/>
          <p:cNvPicPr preferRelativeResize="0"/>
          <p:nvPr/>
        </p:nvPicPr>
        <p:blipFill>
          <a:blip r:embed="rId3">
            <a:alphaModFix amt="16000"/>
          </a:blip>
          <a:stretch>
            <a:fillRect/>
          </a:stretch>
        </p:blipFill>
        <p:spPr>
          <a:xfrm>
            <a:off x="-21400" y="0"/>
            <a:ext cx="12213400" cy="6858000"/>
          </a:xfrm>
          <a:prstGeom prst="rect">
            <a:avLst/>
          </a:prstGeom>
          <a:noFill/>
          <a:ln>
            <a:noFill/>
          </a:ln>
        </p:spPr>
      </p:pic>
      <p:sp>
        <p:nvSpPr>
          <p:cNvPr id="121" name="Google Shape;121;p18"/>
          <p:cNvSpPr txBox="1"/>
          <p:nvPr/>
        </p:nvSpPr>
        <p:spPr>
          <a:xfrm>
            <a:off x="4462084" y="591032"/>
            <a:ext cx="3734400" cy="1959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Ledlaužis – </a:t>
            </a:r>
            <a:endParaRPr sz="24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ctr" rtl="0"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100"/>
              <a:buFont typeface="Arial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„Dvi tiesos ir melas"</a:t>
            </a:r>
            <a:endParaRPr sz="24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endParaRPr sz="2400" b="1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22" name="Google Shape;122;p18"/>
          <p:cNvGrpSpPr/>
          <p:nvPr/>
        </p:nvGrpSpPr>
        <p:grpSpPr>
          <a:xfrm>
            <a:off x="5703337" y="1246897"/>
            <a:ext cx="1251876" cy="358096"/>
            <a:chOff x="5470062" y="1167647"/>
            <a:chExt cx="1251876" cy="358096"/>
          </a:xfrm>
        </p:grpSpPr>
        <p:sp>
          <p:nvSpPr>
            <p:cNvPr id="123" name="Google Shape;123;p18"/>
            <p:cNvSpPr/>
            <p:nvPr/>
          </p:nvSpPr>
          <p:spPr>
            <a:xfrm>
              <a:off x="5470062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24" name="Google Shape;124;p18"/>
            <p:cNvSpPr/>
            <p:nvPr/>
          </p:nvSpPr>
          <p:spPr>
            <a:xfrm>
              <a:off x="5916952" y="1167647"/>
              <a:ext cx="358096" cy="358096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25" name="Google Shape;125;p18"/>
            <p:cNvSpPr/>
            <p:nvPr/>
          </p:nvSpPr>
          <p:spPr>
            <a:xfrm>
              <a:off x="6526146" y="1248799"/>
              <a:ext cx="195792" cy="195792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26" name="Google Shape;126;p18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2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27" name="Google Shape;127;p18"/>
          <p:cNvSpPr txBox="1"/>
          <p:nvPr/>
        </p:nvSpPr>
        <p:spPr>
          <a:xfrm>
            <a:off x="1462075" y="2065075"/>
            <a:ext cx="9734400" cy="2575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457200" lvl="0" indent="-361950" algn="just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Philosopher"/>
              <a:buAutoNum type="arabicPeriod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Paprašykite kiekvieno dalyvio sugalvoti du teisingus ir vieną klaidingą teiginį apie save, susijusį su skaitmeninėmis technologijomis arba internetiniu mokymusi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0" algn="just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61950" algn="just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Philosopher"/>
              <a:buAutoNum type="arabicPeriod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ugalvotais teiginiais dalyviai paeiliui dalijasi, o likusieji grupės nariai turi atspėti, kuris teiginys yra melagingas.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0" lvl="0" indent="0" algn="just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61950" algn="just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2100"/>
              <a:buFont typeface="Philosopher"/>
              <a:buAutoNum type="arabicPeriod"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Ši veikla skatina dalyvių įsitraukimą, susipažinimo procesą padaro smagesniu. 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28" name="Google Shape;128;p18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7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2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30" name="Google Shape;1030;p81" descr="A person sitting at a desk with a computer and papers on it&#10;&#10;Description automatically generated with low confidence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0" y="-1"/>
            <a:ext cx="12192000" cy="6858001"/>
          </a:xfrm>
          <a:prstGeom prst="rect">
            <a:avLst/>
          </a:prstGeom>
          <a:noFill/>
          <a:ln>
            <a:noFill/>
          </a:ln>
        </p:spPr>
      </p:pic>
      <p:sp>
        <p:nvSpPr>
          <p:cNvPr id="1031" name="Google Shape;1031;p81"/>
          <p:cNvSpPr/>
          <p:nvPr/>
        </p:nvSpPr>
        <p:spPr>
          <a:xfrm>
            <a:off x="-264695" y="-270712"/>
            <a:ext cx="12721389" cy="7399421"/>
          </a:xfrm>
          <a:prstGeom prst="rect">
            <a:avLst/>
          </a:prstGeom>
          <a:gradFill>
            <a:gsLst>
              <a:gs pos="0">
                <a:srgbClr val="FFE77E">
                  <a:alpha val="0"/>
                </a:srgbClr>
              </a:gs>
              <a:gs pos="100000">
                <a:srgbClr val="FFEDB1"/>
              </a:gs>
            </a:gsLst>
            <a:path path="circle">
              <a:fillToRect l="50000" t="50000" r="50000" b="50000"/>
            </a:path>
            <a:tileRect/>
          </a:gradFill>
          <a:ln w="25400" cap="flat" cmpd="sng">
            <a:solidFill>
              <a:srgbClr val="FFE68F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1400" b="0" i="0" u="none" strike="noStrike" cap="none">
              <a:solidFill>
                <a:schemeClr val="lt1"/>
              </a:solidFill>
              <a:latin typeface="Arial"/>
              <a:ea typeface="Arial"/>
              <a:cs typeface="Arial"/>
              <a:sym typeface="Arial"/>
            </a:endParaRPr>
          </a:p>
        </p:txBody>
      </p:sp>
      <p:sp>
        <p:nvSpPr>
          <p:cNvPr id="1032" name="Google Shape;1032;p81"/>
          <p:cNvSpPr txBox="1"/>
          <p:nvPr/>
        </p:nvSpPr>
        <p:spPr>
          <a:xfrm>
            <a:off x="4923900" y="2071450"/>
            <a:ext cx="2344200" cy="110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6600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AČIŪ</a:t>
            </a:r>
            <a:r>
              <a:rPr lang="cs-CZ" sz="6600" b="0" i="0" u="none" strike="noStrike" cap="none">
                <a:solidFill>
                  <a:schemeClr val="dk1"/>
                </a:solidFill>
                <a:latin typeface="Roboto"/>
                <a:ea typeface="Roboto"/>
                <a:cs typeface="Roboto"/>
                <a:sym typeface="Roboto"/>
              </a:rPr>
              <a:t>!</a:t>
            </a:r>
            <a:endParaRPr sz="6600" b="0" i="0" u="none" strike="noStrike" cap="none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pic>
        <p:nvPicPr>
          <p:cNvPr id="1033" name="Google Shape;1033;p81" descr="A picture containing logo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853446" y="74429"/>
            <a:ext cx="1338553" cy="946297"/>
          </a:xfrm>
          <a:prstGeom prst="rect">
            <a:avLst/>
          </a:prstGeom>
          <a:noFill/>
          <a:ln>
            <a:noFill/>
          </a:ln>
        </p:spPr>
      </p:pic>
      <p:pic>
        <p:nvPicPr>
          <p:cNvPr id="1034" name="Google Shape;1034;p81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7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38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9" name="Google Shape;1039;p82"/>
          <p:cNvSpPr/>
          <p:nvPr/>
        </p:nvSpPr>
        <p:spPr>
          <a:xfrm>
            <a:off x="0" y="6314701"/>
            <a:ext cx="12192000" cy="543299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pic>
        <p:nvPicPr>
          <p:cNvPr id="1040" name="Google Shape;1040;p82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2946834" y="-349757"/>
            <a:ext cx="6572448" cy="4646428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1" name="Google Shape;1041;p82" descr="Logo, company name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6708435" y="3659445"/>
            <a:ext cx="1557761" cy="1090828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2" name="Google Shape;1042;p82" descr="Logo, company name&#10;&#10;Description automatically generated"/>
          <p:cNvPicPr preferRelativeResize="0"/>
          <p:nvPr/>
        </p:nvPicPr>
        <p:blipFill rotWithShape="1">
          <a:blip r:embed="rId5">
            <a:alphaModFix/>
          </a:blip>
          <a:srcRect/>
          <a:stretch/>
        </p:blipFill>
        <p:spPr>
          <a:xfrm>
            <a:off x="1513633" y="3274140"/>
            <a:ext cx="2010195" cy="2010195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3" name="Google Shape;1043;p82" descr="Logo&#10;&#10;Description automatically generated"/>
          <p:cNvPicPr preferRelativeResize="0"/>
          <p:nvPr/>
        </p:nvPicPr>
        <p:blipFill rotWithShape="1">
          <a:blip r:embed="rId6">
            <a:alphaModFix/>
          </a:blip>
          <a:srcRect/>
          <a:stretch/>
        </p:blipFill>
        <p:spPr>
          <a:xfrm>
            <a:off x="1611909" y="5229626"/>
            <a:ext cx="1605199" cy="800060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4" name="Google Shape;1044;p82" descr="A picture containing company name&#10;&#10;Description automatically generated"/>
          <p:cNvPicPr preferRelativeResize="0"/>
          <p:nvPr/>
        </p:nvPicPr>
        <p:blipFill rotWithShape="1">
          <a:blip r:embed="rId7">
            <a:alphaModFix/>
          </a:blip>
          <a:srcRect/>
          <a:stretch/>
        </p:blipFill>
        <p:spPr>
          <a:xfrm>
            <a:off x="9519282" y="3754416"/>
            <a:ext cx="888691" cy="963528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5" name="Google Shape;1045;p82" descr="Logo&#10;&#10;Description automatically generated with medium confidence"/>
          <p:cNvPicPr preferRelativeResize="0"/>
          <p:nvPr/>
        </p:nvPicPr>
        <p:blipFill rotWithShape="1">
          <a:blip r:embed="rId8">
            <a:alphaModFix/>
          </a:blip>
          <a:srcRect/>
          <a:stretch/>
        </p:blipFill>
        <p:spPr>
          <a:xfrm>
            <a:off x="4048977" y="5091014"/>
            <a:ext cx="1628935" cy="1142685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6" name="Google Shape;1046;p82" descr="Logo&#10;&#10;Description automatically generated"/>
          <p:cNvPicPr preferRelativeResize="0"/>
          <p:nvPr/>
        </p:nvPicPr>
        <p:blipFill rotWithShape="1">
          <a:blip r:embed="rId9">
            <a:alphaModFix/>
          </a:blip>
          <a:srcRect/>
          <a:stretch/>
        </p:blipFill>
        <p:spPr>
          <a:xfrm>
            <a:off x="4237279" y="4054164"/>
            <a:ext cx="1440633" cy="485013"/>
          </a:xfrm>
          <a:prstGeom prst="rect">
            <a:avLst/>
          </a:prstGeom>
          <a:noFill/>
          <a:ln>
            <a:noFill/>
          </a:ln>
        </p:spPr>
      </p:pic>
      <p:pic>
        <p:nvPicPr>
          <p:cNvPr id="1047" name="Google Shape;1047;p82" descr="Logo, company name&#10;&#10;Description automatically generated"/>
          <p:cNvPicPr preferRelativeResize="0"/>
          <p:nvPr/>
        </p:nvPicPr>
        <p:blipFill rotWithShape="1">
          <a:blip r:embed="rId10">
            <a:alphaModFix/>
          </a:blip>
          <a:srcRect/>
          <a:stretch/>
        </p:blipFill>
        <p:spPr>
          <a:xfrm>
            <a:off x="9480271" y="5411983"/>
            <a:ext cx="1630941" cy="604941"/>
          </a:xfrm>
          <a:prstGeom prst="rect">
            <a:avLst/>
          </a:prstGeom>
          <a:noFill/>
          <a:ln>
            <a:noFill/>
          </a:ln>
        </p:spPr>
      </p:pic>
      <p:sp>
        <p:nvSpPr>
          <p:cNvPr id="1048" name="Google Shape;1048;p82"/>
          <p:cNvSpPr txBox="1"/>
          <p:nvPr/>
        </p:nvSpPr>
        <p:spPr>
          <a:xfrm>
            <a:off x="4237279" y="6393535"/>
            <a:ext cx="7485900" cy="400069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lvl="0" algn="ctr"/>
            <a:r>
              <a:rPr lang="lt-LT" sz="1000" dirty="0">
                <a:solidFill>
                  <a:srgbClr val="404040"/>
                </a:solidFill>
              </a:rPr>
              <a:t>Finansuojama Europos Sąjungos lėšomis. Šis kūrinys atspindi tik autoriaus nuomonę, todėl Nacionalinė agentūra ir Europos Komisija negali būti laikomos atsakingomis už jame pateiktą informaciją. Projekto Nr. 2022-1-LT01-KA220-ADU-000085898</a:t>
            </a:r>
            <a:endParaRPr sz="800" b="1" i="0" u="none" strike="noStrike" cap="none" baseline="30000" dirty="0">
              <a:solidFill>
                <a:srgbClr val="000000"/>
              </a:solidFill>
              <a:latin typeface="Noto Sans"/>
              <a:ea typeface="Noto Sans"/>
              <a:cs typeface="Noto Sans"/>
              <a:sym typeface="Noto Sans"/>
            </a:endParaRPr>
          </a:p>
        </p:txBody>
      </p:sp>
      <p:pic>
        <p:nvPicPr>
          <p:cNvPr id="1049" name="Google Shape;1049;p82" descr="Logo&#10;&#10;Description automatically generated"/>
          <p:cNvPicPr preferRelativeResize="0"/>
          <p:nvPr/>
        </p:nvPicPr>
        <p:blipFill rotWithShape="1">
          <a:blip r:embed="rId11">
            <a:alphaModFix/>
          </a:blip>
          <a:srcRect/>
          <a:stretch/>
        </p:blipFill>
        <p:spPr>
          <a:xfrm>
            <a:off x="7019467" y="5121884"/>
            <a:ext cx="1231930" cy="822872"/>
          </a:xfrm>
          <a:prstGeom prst="rect">
            <a:avLst/>
          </a:prstGeom>
          <a:noFill/>
          <a:ln>
            <a:noFill/>
          </a:ln>
        </p:spPr>
      </p:pic>
      <p:pic>
        <p:nvPicPr>
          <p:cNvPr id="1050" name="Google Shape;1050;p82"/>
          <p:cNvPicPr preferRelativeResize="0"/>
          <p:nvPr/>
        </p:nvPicPr>
        <p:blipFill>
          <a:blip r:embed="rId12">
            <a:alphaModFix/>
          </a:blip>
          <a:stretch>
            <a:fillRect/>
          </a:stretch>
        </p:blipFill>
        <p:spPr>
          <a:xfrm>
            <a:off x="76200" y="6387300"/>
            <a:ext cx="2246675" cy="485000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3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" name="Google Shape;133;p19"/>
          <p:cNvSpPr/>
          <p:nvPr/>
        </p:nvSpPr>
        <p:spPr>
          <a:xfrm>
            <a:off x="0" y="3500700"/>
            <a:ext cx="12192000" cy="33489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34" name="Google Shape;134;p19"/>
          <p:cNvSpPr txBox="1"/>
          <p:nvPr/>
        </p:nvSpPr>
        <p:spPr>
          <a:xfrm>
            <a:off x="4119600" y="317175"/>
            <a:ext cx="3952800" cy="7986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24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sitraukimo į skaitmeninį mokymasi reikšmė</a:t>
            </a:r>
            <a:endParaRPr sz="2400" b="1" i="0" u="none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35" name="Google Shape;135;p19"/>
          <p:cNvGrpSpPr/>
          <p:nvPr/>
        </p:nvGrpSpPr>
        <p:grpSpPr>
          <a:xfrm>
            <a:off x="5470012" y="1298897"/>
            <a:ext cx="1251984" cy="358200"/>
            <a:chOff x="5470062" y="1167647"/>
            <a:chExt cx="1251984" cy="358200"/>
          </a:xfrm>
        </p:grpSpPr>
        <p:sp>
          <p:nvSpPr>
            <p:cNvPr id="136" name="Google Shape;136;p19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37" name="Google Shape;137;p19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38" name="Google Shape;138;p19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39" name="Google Shape;139;p19" descr="A picture containing icon&#10;&#10;Description automatically generated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40" name="Google Shape;140;p19"/>
          <p:cNvSpPr txBox="1"/>
          <p:nvPr/>
        </p:nvSpPr>
        <p:spPr>
          <a:xfrm>
            <a:off x="645325" y="1999450"/>
            <a:ext cx="11003400" cy="1108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aitmeninis mokymasis yra galinga priemonė, kuri gali padėti sunkiau prieinamiems besimokantiems suaugusiesiems įveikti iššūkius, ugdyti įgūdžius ir išnaudoti potencialą. Tai būdas sujungti unikalias aplinkybes ir transformuojančias švietimo galimybes.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41" name="Google Shape;141;p19"/>
          <p:cNvSpPr/>
          <p:nvPr/>
        </p:nvSpPr>
        <p:spPr>
          <a:xfrm>
            <a:off x="458125" y="389240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2" name="Google Shape;142;p19"/>
          <p:cNvSpPr/>
          <p:nvPr/>
        </p:nvSpPr>
        <p:spPr>
          <a:xfrm>
            <a:off x="4411050" y="550990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3" name="Google Shape;143;p19"/>
          <p:cNvSpPr/>
          <p:nvPr/>
        </p:nvSpPr>
        <p:spPr>
          <a:xfrm>
            <a:off x="4411050" y="389240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4" name="Google Shape;144;p19"/>
          <p:cNvSpPr/>
          <p:nvPr/>
        </p:nvSpPr>
        <p:spPr>
          <a:xfrm>
            <a:off x="8363425" y="389240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45" name="Google Shape;145;p19"/>
          <p:cNvSpPr/>
          <p:nvPr/>
        </p:nvSpPr>
        <p:spPr>
          <a:xfrm>
            <a:off x="458125" y="470115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6" name="Google Shape;146;p19"/>
          <p:cNvSpPr/>
          <p:nvPr/>
        </p:nvSpPr>
        <p:spPr>
          <a:xfrm>
            <a:off x="458125" y="550990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7" name="Google Shape;147;p19"/>
          <p:cNvSpPr/>
          <p:nvPr/>
        </p:nvSpPr>
        <p:spPr>
          <a:xfrm>
            <a:off x="8363425" y="470115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 sz="18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48" name="Google Shape;148;p19"/>
          <p:cNvSpPr/>
          <p:nvPr/>
        </p:nvSpPr>
        <p:spPr>
          <a:xfrm>
            <a:off x="4411050" y="4701150"/>
            <a:ext cx="251400" cy="186000"/>
          </a:xfrm>
          <a:prstGeom prst="rightArrow">
            <a:avLst>
              <a:gd name="adj1" fmla="val 50000"/>
              <a:gd name="adj2" fmla="val 50000"/>
            </a:avLst>
          </a:prstGeom>
          <a:solidFill>
            <a:schemeClr val="lt1"/>
          </a:solidFill>
          <a:ln w="9525" cap="flat" cmpd="sng">
            <a:solidFill>
              <a:schemeClr val="dk2"/>
            </a:solidFill>
            <a:prstDash val="solid"/>
            <a:round/>
            <a:headEnd type="none" w="sm" len="sm"/>
            <a:tailEnd type="none" w="sm" len="sm"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49" name="Google Shape;149;p19"/>
          <p:cNvSpPr txBox="1"/>
          <p:nvPr/>
        </p:nvSpPr>
        <p:spPr>
          <a:xfrm>
            <a:off x="750313" y="3800750"/>
            <a:ext cx="32211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tyvacija ir atkaklumas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0" name="Google Shape;150;p19"/>
          <p:cNvSpPr txBox="1"/>
          <p:nvPr/>
        </p:nvSpPr>
        <p:spPr>
          <a:xfrm>
            <a:off x="709526" y="4609500"/>
            <a:ext cx="3572400" cy="754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Aktualumas ir personalizavimas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1" name="Google Shape;151;p19"/>
          <p:cNvSpPr txBox="1"/>
          <p:nvPr/>
        </p:nvSpPr>
        <p:spPr>
          <a:xfrm>
            <a:off x="709527" y="5418250"/>
            <a:ext cx="3776700" cy="754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Mokymosi bendruomenės puoselėjimas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2" name="Google Shape;152;p19"/>
          <p:cNvSpPr txBox="1"/>
          <p:nvPr/>
        </p:nvSpPr>
        <p:spPr>
          <a:xfrm>
            <a:off x="4662451" y="3800750"/>
            <a:ext cx="35724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gūdžių ugdymas ir taikymas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3" name="Google Shape;153;p19"/>
          <p:cNvSpPr txBox="1"/>
          <p:nvPr/>
        </p:nvSpPr>
        <p:spPr>
          <a:xfrm>
            <a:off x="4662451" y="4609500"/>
            <a:ext cx="35724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Lankstumas ir prieinamumas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4" name="Google Shape;154;p19"/>
          <p:cNvSpPr txBox="1"/>
          <p:nvPr/>
        </p:nvSpPr>
        <p:spPr>
          <a:xfrm>
            <a:off x="4662451" y="5418250"/>
            <a:ext cx="35724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Įgalinimas ir nuosavybė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5" name="Google Shape;155;p19"/>
          <p:cNvSpPr txBox="1"/>
          <p:nvPr/>
        </p:nvSpPr>
        <p:spPr>
          <a:xfrm>
            <a:off x="8614813" y="3800750"/>
            <a:ext cx="3221100" cy="400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Kliūčių įveikimas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56" name="Google Shape;156;p19"/>
          <p:cNvSpPr txBox="1"/>
          <p:nvPr/>
        </p:nvSpPr>
        <p:spPr>
          <a:xfrm>
            <a:off x="8614813" y="4609500"/>
            <a:ext cx="3221100" cy="754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000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Skaitmeninio raštingumo didinimas</a:t>
            </a:r>
            <a:endParaRPr sz="2000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pic>
        <p:nvPicPr>
          <p:cNvPr id="157" name="Google Shape;157;p19"/>
          <p:cNvPicPr preferRelativeResize="0"/>
          <p:nvPr/>
        </p:nvPicPr>
        <p:blipFill>
          <a:blip r:embed="rId4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6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2" name="Google Shape;162;p20"/>
          <p:cNvPicPr preferRelativeResize="0"/>
          <p:nvPr/>
        </p:nvPicPr>
        <p:blipFill rotWithShape="1">
          <a:blip r:embed="rId3">
            <a:alphaModFix amt="54000"/>
          </a:blip>
          <a:srcRect t="13200" b="4704"/>
          <a:stretch/>
        </p:blipFill>
        <p:spPr>
          <a:xfrm>
            <a:off x="0" y="0"/>
            <a:ext cx="12192001" cy="6918399"/>
          </a:xfrm>
          <a:prstGeom prst="rect">
            <a:avLst/>
          </a:prstGeom>
          <a:noFill/>
          <a:ln>
            <a:noFill/>
          </a:ln>
        </p:spPr>
      </p:pic>
      <p:sp>
        <p:nvSpPr>
          <p:cNvPr id="163" name="Google Shape;163;p20"/>
          <p:cNvSpPr/>
          <p:nvPr/>
        </p:nvSpPr>
        <p:spPr>
          <a:xfrm rot="10800000">
            <a:off x="6888925" y="1779750"/>
            <a:ext cx="3873300" cy="28413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64" name="Google Shape;164;p20"/>
          <p:cNvSpPr/>
          <p:nvPr/>
        </p:nvSpPr>
        <p:spPr>
          <a:xfrm rot="10800000">
            <a:off x="1196475" y="1780200"/>
            <a:ext cx="4050600" cy="284040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txBody>
          <a:bodyPr spcFirstLastPara="1" wrap="square" lIns="91425" tIns="45700" rIns="91425" bIns="45700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800"/>
              <a:buFont typeface="Arial"/>
              <a:buNone/>
            </a:pPr>
            <a:endParaRPr sz="1800" b="0" i="0" u="none" strike="noStrike" cap="none">
              <a:solidFill>
                <a:schemeClr val="lt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65" name="Google Shape;165;p20"/>
          <p:cNvSpPr txBox="1"/>
          <p:nvPr/>
        </p:nvSpPr>
        <p:spPr>
          <a:xfrm>
            <a:off x="4032749" y="658241"/>
            <a:ext cx="4126500" cy="460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91425" rIns="91425" bIns="91425" anchor="ctr" anchorCtr="0">
            <a:noAutofit/>
          </a:bodyPr>
          <a:lstStyle/>
          <a:p>
            <a:pPr marL="0" marR="0" lvl="0" indent="0" algn="ct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1800"/>
              <a:buFont typeface="Philosopher"/>
              <a:buNone/>
            </a:pPr>
            <a:r>
              <a:rPr lang="cs-CZ" sz="3100" b="1">
                <a:solidFill>
                  <a:schemeClr val="dk1"/>
                </a:solidFill>
                <a:latin typeface="Philosopher"/>
                <a:ea typeface="Philosopher"/>
                <a:cs typeface="Philosopher"/>
                <a:sym typeface="Philosopher"/>
              </a:rPr>
              <a:t>Iššūkiai</a:t>
            </a:r>
            <a:endParaRPr sz="3100" b="1" i="0" strike="noStrike" cap="none">
              <a:solidFill>
                <a:schemeClr val="dk1"/>
              </a:solidFill>
              <a:latin typeface="Philosopher"/>
              <a:ea typeface="Philosopher"/>
              <a:cs typeface="Philosopher"/>
              <a:sym typeface="Philosopher"/>
            </a:endParaRPr>
          </a:p>
        </p:txBody>
      </p:sp>
      <p:grpSp>
        <p:nvGrpSpPr>
          <p:cNvPr id="166" name="Google Shape;166;p20"/>
          <p:cNvGrpSpPr/>
          <p:nvPr/>
        </p:nvGrpSpPr>
        <p:grpSpPr>
          <a:xfrm>
            <a:off x="5470012" y="1154947"/>
            <a:ext cx="1251984" cy="358200"/>
            <a:chOff x="5470062" y="1167647"/>
            <a:chExt cx="1251984" cy="358200"/>
          </a:xfrm>
        </p:grpSpPr>
        <p:sp>
          <p:nvSpPr>
            <p:cNvPr id="167" name="Google Shape;167;p20"/>
            <p:cNvSpPr/>
            <p:nvPr/>
          </p:nvSpPr>
          <p:spPr>
            <a:xfrm>
              <a:off x="5470062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68" name="Google Shape;168;p20"/>
            <p:cNvSpPr/>
            <p:nvPr/>
          </p:nvSpPr>
          <p:spPr>
            <a:xfrm>
              <a:off x="5916952" y="1167647"/>
              <a:ext cx="358200" cy="3582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69" name="Google Shape;169;p20"/>
            <p:cNvSpPr/>
            <p:nvPr/>
          </p:nvSpPr>
          <p:spPr>
            <a:xfrm>
              <a:off x="6526146" y="1248799"/>
              <a:ext cx="195900" cy="195900"/>
            </a:xfrm>
            <a:prstGeom prst="ellipse">
              <a:avLst/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ctr" rtl="0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Pts val="1800"/>
                <a:buFont typeface="Arial"/>
                <a:buNone/>
              </a:pPr>
              <a:endParaRPr sz="1800" b="0" i="0" u="none" strike="noStrike" cap="none">
                <a:solidFill>
                  <a:schemeClr val="lt1"/>
                </a:solidFill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70" name="Google Shape;170;p20" descr="A picture containing icon&#10;&#10;Description automatically generated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10625575" y="0"/>
            <a:ext cx="1723784" cy="1218637"/>
          </a:xfrm>
          <a:prstGeom prst="rect">
            <a:avLst/>
          </a:prstGeom>
          <a:noFill/>
          <a:ln>
            <a:noFill/>
          </a:ln>
        </p:spPr>
      </p:pic>
      <p:sp>
        <p:nvSpPr>
          <p:cNvPr id="171" name="Google Shape;171;p20"/>
          <p:cNvSpPr txBox="1"/>
          <p:nvPr/>
        </p:nvSpPr>
        <p:spPr>
          <a:xfrm>
            <a:off x="1286775" y="1855950"/>
            <a:ext cx="4126500" cy="2152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  <a:t>Švietėjams:</a:t>
            </a:r>
            <a:b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</a:br>
            <a:endParaRPr sz="16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Efektyvaus turinio kūrimas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Technologijų klausimai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Sąveika ir bendravimas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Vertinimas ir grįžtamasis ryšys.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</p:txBody>
      </p:sp>
      <p:sp>
        <p:nvSpPr>
          <p:cNvPr id="172" name="Google Shape;172;p20"/>
          <p:cNvSpPr txBox="1"/>
          <p:nvPr/>
        </p:nvSpPr>
        <p:spPr>
          <a:xfrm>
            <a:off x="6952900" y="1831650"/>
            <a:ext cx="4053900" cy="2737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  <a:t>Besimokantiems:</a:t>
            </a:r>
            <a:br>
              <a:rPr lang="cs-CZ" sz="2300" b="1">
                <a:latin typeface="Philosopher"/>
                <a:ea typeface="Philosopher"/>
                <a:cs typeface="Philosopher"/>
                <a:sym typeface="Philosopher"/>
              </a:rPr>
            </a:br>
            <a:endParaRPr sz="16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Motyvacija ir drausmė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Techniniai iššūkiai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Izoliacija ir vienatvė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išsiblaškymas;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457200" lvl="0" indent="-35560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SzPts val="2000"/>
              <a:buFont typeface="Philosopher"/>
              <a:buChar char="●"/>
            </a:pPr>
            <a:r>
              <a:rPr lang="cs-CZ" sz="2000">
                <a:latin typeface="Philosopher"/>
                <a:ea typeface="Philosopher"/>
                <a:cs typeface="Philosopher"/>
                <a:sym typeface="Philosopher"/>
              </a:rPr>
              <a:t>Laiko valdymas.</a:t>
            </a:r>
            <a:endParaRPr sz="2000">
              <a:latin typeface="Philosopher"/>
              <a:ea typeface="Philosopher"/>
              <a:cs typeface="Philosopher"/>
              <a:sym typeface="Philosopher"/>
            </a:endParaRPr>
          </a:p>
          <a:p>
            <a:pPr marL="0" marR="0" lvl="0" indent="0" algn="l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endParaRPr sz="1200">
              <a:solidFill>
                <a:schemeClr val="dk1"/>
              </a:solidFill>
              <a:latin typeface="Roboto"/>
              <a:ea typeface="Roboto"/>
              <a:cs typeface="Roboto"/>
              <a:sym typeface="Roboto"/>
            </a:endParaRPr>
          </a:p>
        </p:txBody>
      </p:sp>
      <p:sp>
        <p:nvSpPr>
          <p:cNvPr id="173" name="Google Shape;173;p20"/>
          <p:cNvSpPr txBox="1"/>
          <p:nvPr/>
        </p:nvSpPr>
        <p:spPr>
          <a:xfrm>
            <a:off x="1563450" y="4900775"/>
            <a:ext cx="9065100" cy="10065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spAutoFit/>
          </a:bodyPr>
          <a:lstStyle/>
          <a:p>
            <a:pPr marL="0" marR="0" lvl="0" indent="0" algn="ctr" rtl="0">
              <a:lnSpc>
                <a:spcPct val="115000"/>
              </a:lnSpc>
              <a:spcBef>
                <a:spcPts val="0"/>
              </a:spcBef>
              <a:spcAft>
                <a:spcPts val="0"/>
              </a:spcAft>
              <a:buNone/>
            </a:pPr>
            <a:r>
              <a:rPr lang="cs-CZ" sz="1800" i="1">
                <a:solidFill>
                  <a:schemeClr val="accent2"/>
                </a:solidFill>
                <a:highlight>
                  <a:schemeClr val="lt1"/>
                </a:highlight>
                <a:latin typeface="Philosopher"/>
                <a:ea typeface="Philosopher"/>
                <a:cs typeface="Philosopher"/>
                <a:sym typeface="Philosopher"/>
              </a:rPr>
              <a:t>Ir švietėjai, ir besimokantieji gali spręsti šiuos iššūkius taikydami veiksmingas strategijas, tokias kaip bendravimas, aktyvus dalyvavimas, įvairių mokymo metodų naudojimas, palankių mokymosi bendruomenių kūrimas ir savalaikis grįžtamasis ryšys.</a:t>
            </a:r>
            <a:endParaRPr sz="1800" i="1">
              <a:solidFill>
                <a:schemeClr val="accent2"/>
              </a:solidFill>
              <a:highlight>
                <a:schemeClr val="lt1"/>
              </a:highlight>
              <a:latin typeface="Philosopher"/>
              <a:ea typeface="Philosopher"/>
              <a:cs typeface="Philosopher"/>
              <a:sym typeface="Philosopher"/>
            </a:endParaRPr>
          </a:p>
        </p:txBody>
      </p:sp>
      <p:cxnSp>
        <p:nvCxnSpPr>
          <p:cNvPr id="174" name="Google Shape;174;p20"/>
          <p:cNvCxnSpPr/>
          <p:nvPr/>
        </p:nvCxnSpPr>
        <p:spPr>
          <a:xfrm>
            <a:off x="1989850" y="5999000"/>
            <a:ext cx="8307600" cy="0"/>
          </a:xfrm>
          <a:prstGeom prst="straightConnector1">
            <a:avLst/>
          </a:prstGeom>
          <a:noFill/>
          <a:ln w="76200" cap="flat" cmpd="sng">
            <a:solidFill>
              <a:schemeClr val="accent2"/>
            </a:solidFill>
            <a:prstDash val="solid"/>
            <a:round/>
            <a:headEnd type="none" w="med" len="med"/>
            <a:tailEnd type="none" w="med" len="med"/>
          </a:ln>
        </p:spPr>
      </p:cxnSp>
      <p:pic>
        <p:nvPicPr>
          <p:cNvPr id="175" name="Google Shape;175;p20"/>
          <p:cNvPicPr preferRelativeResize="0"/>
          <p:nvPr/>
        </p:nvPicPr>
        <p:blipFill>
          <a:blip r:embed="rId5">
            <a:alphaModFix/>
          </a:blip>
          <a:stretch>
            <a:fillRect/>
          </a:stretch>
        </p:blipFill>
        <p:spPr>
          <a:xfrm>
            <a:off x="0" y="6318025"/>
            <a:ext cx="2501350" cy="539975"/>
          </a:xfrm>
          <a:prstGeom prst="rect">
            <a:avLst/>
          </a:prstGeom>
          <a:noFill/>
          <a:ln>
            <a:noFill/>
          </a:ln>
        </p:spPr>
      </p:pic>
    </p:spTree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Yellow">
      <a:dk1>
        <a:srgbClr val="000000"/>
      </a:dk1>
      <a:lt1>
        <a:srgbClr val="FFFFFF"/>
      </a:lt1>
      <a:dk2>
        <a:srgbClr val="39302A"/>
      </a:dk2>
      <a:lt2>
        <a:srgbClr val="E5DEDB"/>
      </a:lt2>
      <a:accent1>
        <a:srgbClr val="FFCA08"/>
      </a:accent1>
      <a:accent2>
        <a:srgbClr val="F8931D"/>
      </a:accent2>
      <a:accent3>
        <a:srgbClr val="CE8D3E"/>
      </a:accent3>
      <a:accent4>
        <a:srgbClr val="EC7016"/>
      </a:accent4>
      <a:accent5>
        <a:srgbClr val="E64823"/>
      </a:accent5>
      <a:accent6>
        <a:srgbClr val="9C6A6A"/>
      </a:accent6>
      <a:hlink>
        <a:srgbClr val="2998E3"/>
      </a:hlink>
      <a:folHlink>
        <a:srgbClr val="7F723D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>
  <a:themeElements>
    <a:clrScheme name="Default">
      <a:dk1>
        <a:srgbClr val="000000"/>
      </a:dk1>
      <a:lt1>
        <a:srgbClr val="FFFFFF"/>
      </a:lt1>
      <a:dk2>
        <a:srgbClr val="158158"/>
      </a:dk2>
      <a:lt2>
        <a:srgbClr val="F3F3F3"/>
      </a:lt2>
      <a:accent1>
        <a:srgbClr val="058DC7"/>
      </a:accent1>
      <a:accent2>
        <a:srgbClr val="50B432"/>
      </a:accent2>
      <a:accent3>
        <a:srgbClr val="ED561B"/>
      </a:accent3>
      <a:accent4>
        <a:srgbClr val="EDEF00"/>
      </a:accent4>
      <a:accent5>
        <a:srgbClr val="24CBE5"/>
      </a:accent5>
      <a:accent6>
        <a:srgbClr val="64E572"/>
      </a:accent6>
      <a:hlink>
        <a:srgbClr val="2200CC"/>
      </a:hlink>
      <a:folHlink>
        <a:srgbClr val="551A8B"/>
      </a:folHlink>
    </a:clrScheme>
    <a:fontScheme name="Office">
      <a:maj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Arial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0</TotalTime>
  <Words>4218</Words>
  <Application>Microsoft Macintosh PowerPoint</Application>
  <PresentationFormat>Widescreen</PresentationFormat>
  <Paragraphs>557</Paragraphs>
  <Slides>71</Slides>
  <Notes>71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71</vt:i4>
      </vt:variant>
    </vt:vector>
  </HeadingPairs>
  <TitlesOfParts>
    <vt:vector size="77" baseType="lpstr">
      <vt:lpstr>Noto Sans</vt:lpstr>
      <vt:lpstr>Calibri</vt:lpstr>
      <vt:lpstr>Philosopher</vt:lpstr>
      <vt:lpstr>Arial</vt:lpstr>
      <vt:lpstr>Roboto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16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cp:lastModifiedBy>Rasa Zilione</cp:lastModifiedBy>
  <cp:revision>1</cp:revision>
  <dcterms:modified xsi:type="dcterms:W3CDTF">2024-12-05T21:49:24Z</dcterms:modified>
</cp:coreProperties>
</file>